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hidePivotFieldList="1" defaultThemeVersion="153222"/>
  <mc:AlternateContent xmlns:mc="http://schemas.openxmlformats.org/markup-compatibility/2006">
    <mc:Choice Requires="x15">
      <x15ac:absPath xmlns:x15ac="http://schemas.microsoft.com/office/spreadsheetml/2010/11/ac" url="\\kfs01\s1507\04_人材確保グループ\450_看護職\456_就業実態調査\病院\R3年度調査\06 結果報告\"/>
    </mc:Choice>
  </mc:AlternateContent>
  <bookViews>
    <workbookView xWindow="0" yWindow="0" windowWidth="19200" windowHeight="7305" tabRatio="602"/>
  </bookViews>
  <sheets>
    <sheet name="１-１職員数・離職率" sheetId="5" r:id="rId1"/>
    <sheet name="１-２外国籍職員" sheetId="39" r:id="rId2"/>
    <sheet name="１-３看護補助者" sheetId="40" r:id="rId3"/>
    <sheet name="２-１新卒採用・離職（全体）" sheetId="85" r:id="rId4"/>
    <sheet name="２-２新卒（県内）" sheetId="84" r:id="rId5"/>
    <sheet name="２-３新卒（県外）" sheetId="7" r:id="rId6"/>
    <sheet name="３経験者採用状況 " sheetId="75" r:id="rId7"/>
    <sheet name="４経験年数別離職率" sheetId="16" r:id="rId8"/>
    <sheet name="５退職理由" sheetId="18" r:id="rId9"/>
    <sheet name="６新人研修" sheetId="94" r:id="rId10"/>
    <sheet name="７令和3年度採用状況" sheetId="20" r:id="rId11"/>
    <sheet name="８特定行為研修" sheetId="80" r:id="rId12"/>
  </sheets>
  <definedNames>
    <definedName name="_xlnm.Print_Area" localSheetId="3">'２-１新卒採用・離職（全体）'!$A$1:$J$34</definedName>
    <definedName name="_xlnm.Print_Area" localSheetId="4">'２-２新卒（県内）'!$A$1:$J$34</definedName>
    <definedName name="_xlnm.Print_Area" localSheetId="5">'２-３新卒（県外）'!$A$1:$J$34</definedName>
    <definedName name="_xlnm.Print_Area" localSheetId="6">'３経験者採用状況 '!$A$1:$W$37</definedName>
    <definedName name="_xlnm.Print_Area" localSheetId="7">'４経験年数別離職率'!$A$1:$P$34</definedName>
    <definedName name="_xlnm.Print_Area" localSheetId="8">'５退職理由'!$A$1:$Q$42</definedName>
    <definedName name="_xlnm.Print_Area" localSheetId="9">'６新人研修'!$A$1:$M$92</definedName>
    <definedName name="_xlnm.Print_Area" localSheetId="10">'７令和3年度採用状況'!$A$1:$K$34</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155" uniqueCount="378">
  <si>
    <t>その他</t>
    <rPh sb="2" eb="3">
      <t>タ</t>
    </rPh>
    <phoneticPr fontId="1"/>
  </si>
  <si>
    <t>相模原</t>
    <rPh sb="0" eb="3">
      <t>サガミハラ</t>
    </rPh>
    <phoneticPr fontId="1"/>
  </si>
  <si>
    <t>湘南東部</t>
    <rPh sb="0" eb="2">
      <t>ショウナン</t>
    </rPh>
    <rPh sb="2" eb="4">
      <t>トウブ</t>
    </rPh>
    <phoneticPr fontId="1"/>
  </si>
  <si>
    <t>湘南西部</t>
    <rPh sb="0" eb="2">
      <t>ショウナン</t>
    </rPh>
    <rPh sb="2" eb="4">
      <t>セイブ</t>
    </rPh>
    <phoneticPr fontId="1"/>
  </si>
  <si>
    <t>横須賀・三浦</t>
    <rPh sb="0" eb="3">
      <t>ヨコスカ</t>
    </rPh>
    <rPh sb="4" eb="6">
      <t>ミウラ</t>
    </rPh>
    <phoneticPr fontId="1"/>
  </si>
  <si>
    <t>県西</t>
    <rPh sb="0" eb="2">
      <t>ケンセイ</t>
    </rPh>
    <phoneticPr fontId="1"/>
  </si>
  <si>
    <t>県央</t>
    <rPh sb="0" eb="2">
      <t>ケンオウ</t>
    </rPh>
    <phoneticPr fontId="1"/>
  </si>
  <si>
    <t>病床数</t>
    <rPh sb="0" eb="3">
      <t>ビョウショウスウ</t>
    </rPh>
    <phoneticPr fontId="2"/>
  </si>
  <si>
    <t>病床数</t>
  </si>
  <si>
    <t>100～199</t>
    <phoneticPr fontId="2"/>
  </si>
  <si>
    <t>200～299</t>
    <phoneticPr fontId="2"/>
  </si>
  <si>
    <t>500以上</t>
  </si>
  <si>
    <t>合計</t>
  </si>
  <si>
    <t>全体</t>
    <rPh sb="0" eb="2">
      <t>ゼンタイ</t>
    </rPh>
    <phoneticPr fontId="2"/>
  </si>
  <si>
    <t>常勤</t>
    <rPh sb="0" eb="2">
      <t>ジョウキン</t>
    </rPh>
    <phoneticPr fontId="2"/>
  </si>
  <si>
    <t>非常勤</t>
    <rPh sb="0" eb="3">
      <t>ヒジョウキン</t>
    </rPh>
    <phoneticPr fontId="2"/>
  </si>
  <si>
    <t>合　計</t>
  </si>
  <si>
    <t>（２）　職種別離職率</t>
    <rPh sb="4" eb="7">
      <t>ショクシュベツ</t>
    </rPh>
    <rPh sb="7" eb="10">
      <t>リショクリツ</t>
    </rPh>
    <phoneticPr fontId="2"/>
  </si>
  <si>
    <t>保健師</t>
    <rPh sb="0" eb="2">
      <t>ホケン</t>
    </rPh>
    <rPh sb="2" eb="3">
      <t>シ</t>
    </rPh>
    <phoneticPr fontId="1"/>
  </si>
  <si>
    <t>助産師</t>
    <rPh sb="0" eb="3">
      <t>ジョサンシ</t>
    </rPh>
    <phoneticPr fontId="1"/>
  </si>
  <si>
    <t>看護師</t>
    <rPh sb="0" eb="3">
      <t>カンゴシ</t>
    </rPh>
    <phoneticPr fontId="1"/>
  </si>
  <si>
    <t>准看護師</t>
    <rPh sb="0" eb="1">
      <t>ジュン</t>
    </rPh>
    <rPh sb="1" eb="4">
      <t>カンゴシ</t>
    </rPh>
    <phoneticPr fontId="1"/>
  </si>
  <si>
    <t>（３）　二次医療圏別離職率</t>
    <rPh sb="4" eb="6">
      <t>ニジ</t>
    </rPh>
    <rPh sb="6" eb="8">
      <t>イリョウ</t>
    </rPh>
    <rPh sb="8" eb="9">
      <t>ケン</t>
    </rPh>
    <rPh sb="9" eb="10">
      <t>ベツ</t>
    </rPh>
    <rPh sb="10" eb="12">
      <t>リショク</t>
    </rPh>
    <rPh sb="12" eb="13">
      <t>リツ</t>
    </rPh>
    <phoneticPr fontId="2"/>
  </si>
  <si>
    <t>二次医療圏</t>
    <rPh sb="0" eb="2">
      <t>ニジ</t>
    </rPh>
    <rPh sb="2" eb="4">
      <t>イリョウ</t>
    </rPh>
    <rPh sb="4" eb="5">
      <t>ケン</t>
    </rPh>
    <phoneticPr fontId="2"/>
  </si>
  <si>
    <t>横浜</t>
    <rPh sb="0" eb="2">
      <t>ヨコハマ</t>
    </rPh>
    <phoneticPr fontId="2"/>
  </si>
  <si>
    <t>川崎</t>
    <rPh sb="0" eb="2">
      <t>カワサキ</t>
    </rPh>
    <phoneticPr fontId="2"/>
  </si>
  <si>
    <t>相模原</t>
    <rPh sb="0" eb="3">
      <t>サガミハラ</t>
    </rPh>
    <phoneticPr fontId="2"/>
  </si>
  <si>
    <t>横須賀・三浦</t>
    <rPh sb="0" eb="3">
      <t>ヨコスカ</t>
    </rPh>
    <rPh sb="4" eb="6">
      <t>ミウラ</t>
    </rPh>
    <phoneticPr fontId="2"/>
  </si>
  <si>
    <t>湘南東部</t>
    <rPh sb="0" eb="2">
      <t>ショウナン</t>
    </rPh>
    <rPh sb="2" eb="4">
      <t>トウブ</t>
    </rPh>
    <phoneticPr fontId="2"/>
  </si>
  <si>
    <t>湘南西部</t>
    <rPh sb="0" eb="2">
      <t>ショウナン</t>
    </rPh>
    <rPh sb="2" eb="4">
      <t>セイブ</t>
    </rPh>
    <phoneticPr fontId="2"/>
  </si>
  <si>
    <t>県央</t>
    <rPh sb="0" eb="2">
      <t>ケンオウ</t>
    </rPh>
    <phoneticPr fontId="2"/>
  </si>
  <si>
    <t>県西</t>
    <rPh sb="0" eb="2">
      <t>ケンセイ</t>
    </rPh>
    <phoneticPr fontId="2"/>
  </si>
  <si>
    <t>全体</t>
  </si>
  <si>
    <t>常勤</t>
  </si>
  <si>
    <t>非常勤</t>
  </si>
  <si>
    <t>保健師</t>
  </si>
  <si>
    <t>助産師</t>
  </si>
  <si>
    <t>看護師</t>
  </si>
  <si>
    <t>准看護師</t>
  </si>
  <si>
    <t>二次医療圏</t>
  </si>
  <si>
    <t>横浜</t>
  </si>
  <si>
    <t>川崎</t>
  </si>
  <si>
    <t>相模原</t>
  </si>
  <si>
    <t>横須賀・三浦</t>
  </si>
  <si>
    <t>湘南東部</t>
  </si>
  <si>
    <t>湘南西部</t>
  </si>
  <si>
    <t>県央</t>
  </si>
  <si>
    <t>県西</t>
  </si>
  <si>
    <t>〔全体〕</t>
    <rPh sb="1" eb="3">
      <t>ゼンタイ</t>
    </rPh>
    <phoneticPr fontId="2"/>
  </si>
  <si>
    <t>（１）　病床数別離職率</t>
    <phoneticPr fontId="2"/>
  </si>
  <si>
    <t>（２）　職種別離職率</t>
    <phoneticPr fontId="2"/>
  </si>
  <si>
    <t>（３）　二次医療圏別離職率</t>
    <phoneticPr fontId="2"/>
  </si>
  <si>
    <t>（１）　病床数別離職率</t>
    <rPh sb="4" eb="7">
      <t>ビョウショウスウ</t>
    </rPh>
    <rPh sb="7" eb="8">
      <t>ベツ</t>
    </rPh>
    <rPh sb="8" eb="11">
      <t>リショクリツ</t>
    </rPh>
    <phoneticPr fontId="2"/>
  </si>
  <si>
    <t>２年目</t>
  </si>
  <si>
    <t>結婚</t>
    <rPh sb="0" eb="2">
      <t>ケッコン</t>
    </rPh>
    <phoneticPr fontId="2"/>
  </si>
  <si>
    <t>進学</t>
    <rPh sb="0" eb="2">
      <t>シンガク</t>
    </rPh>
    <phoneticPr fontId="2"/>
  </si>
  <si>
    <t>看護職以外に転職</t>
    <rPh sb="0" eb="3">
      <t>カンゴショク</t>
    </rPh>
    <rPh sb="3" eb="5">
      <t>イガイ</t>
    </rPh>
    <rPh sb="6" eb="8">
      <t>テンショク</t>
    </rPh>
    <phoneticPr fontId="2"/>
  </si>
  <si>
    <t>合計</t>
    <rPh sb="0" eb="2">
      <t>ゴウケイ</t>
    </rPh>
    <phoneticPr fontId="2"/>
  </si>
  <si>
    <t>合　計</t>
    <phoneticPr fontId="1"/>
  </si>
  <si>
    <t>（１）　病床数別採用状況</t>
    <rPh sb="4" eb="7">
      <t>ビョウショウスウ</t>
    </rPh>
    <rPh sb="7" eb="8">
      <t>ベツ</t>
    </rPh>
    <rPh sb="8" eb="10">
      <t>サイヨウ</t>
    </rPh>
    <rPh sb="10" eb="12">
      <t>ジョウキョウ</t>
    </rPh>
    <phoneticPr fontId="1"/>
  </si>
  <si>
    <t>全体</t>
    <rPh sb="0" eb="2">
      <t>ゼンタイ</t>
    </rPh>
    <phoneticPr fontId="1"/>
  </si>
  <si>
    <t>常勤</t>
    <rPh sb="0" eb="2">
      <t>ジョウキン</t>
    </rPh>
    <phoneticPr fontId="1"/>
  </si>
  <si>
    <t>非常勤</t>
    <rPh sb="0" eb="3">
      <t>ヒジョウキン</t>
    </rPh>
    <phoneticPr fontId="1"/>
  </si>
  <si>
    <t>県内</t>
    <rPh sb="0" eb="2">
      <t>ケンナイ</t>
    </rPh>
    <phoneticPr fontId="1"/>
  </si>
  <si>
    <t>県外</t>
    <rPh sb="0" eb="1">
      <t>ケン</t>
    </rPh>
    <rPh sb="1" eb="2">
      <t>ガイ</t>
    </rPh>
    <phoneticPr fontId="1"/>
  </si>
  <si>
    <t>合計</t>
    <rPh sb="0" eb="2">
      <t>ゴウケイ</t>
    </rPh>
    <phoneticPr fontId="1"/>
  </si>
  <si>
    <t>（２）　職種別採用状況</t>
    <rPh sb="4" eb="7">
      <t>ショクシュベツ</t>
    </rPh>
    <rPh sb="7" eb="9">
      <t>サイヨウ</t>
    </rPh>
    <rPh sb="9" eb="11">
      <t>ジョウキョウ</t>
    </rPh>
    <phoneticPr fontId="1"/>
  </si>
  <si>
    <t>病床数</t>
    <rPh sb="0" eb="3">
      <t>ビョウショウスウ</t>
    </rPh>
    <phoneticPr fontId="1"/>
  </si>
  <si>
    <t>本人の
心身の不良</t>
    <rPh sb="0" eb="2">
      <t>ホンニン</t>
    </rPh>
    <rPh sb="4" eb="6">
      <t>シンシン</t>
    </rPh>
    <rPh sb="7" eb="9">
      <t>フリョウ</t>
    </rPh>
    <phoneticPr fontId="2"/>
  </si>
  <si>
    <t>家族の
健康・介護</t>
    <rPh sb="0" eb="2">
      <t>カゾク</t>
    </rPh>
    <rPh sb="4" eb="6">
      <t>ケンコウ</t>
    </rPh>
    <rPh sb="7" eb="9">
      <t>カイゴ</t>
    </rPh>
    <phoneticPr fontId="2"/>
  </si>
  <si>
    <t>転居</t>
    <rPh sb="0" eb="2">
      <t>テンキョ</t>
    </rPh>
    <phoneticPr fontId="2"/>
  </si>
  <si>
    <t>教育体制</t>
    <rPh sb="0" eb="2">
      <t>キョウイク</t>
    </rPh>
    <rPh sb="2" eb="4">
      <t>タイセイ</t>
    </rPh>
    <phoneticPr fontId="2"/>
  </si>
  <si>
    <t>職場の
人間関係</t>
    <rPh sb="0" eb="2">
      <t>ショクバ</t>
    </rPh>
    <rPh sb="4" eb="6">
      <t>ニンゲン</t>
    </rPh>
    <rPh sb="6" eb="8">
      <t>カンケイ</t>
    </rPh>
    <phoneticPr fontId="2"/>
  </si>
  <si>
    <t>給与
福利厚生</t>
    <rPh sb="0" eb="2">
      <t>キュウヨ</t>
    </rPh>
    <rPh sb="3" eb="5">
      <t>フクリ</t>
    </rPh>
    <rPh sb="5" eb="7">
      <t>コウセイ</t>
    </rPh>
    <phoneticPr fontId="2"/>
  </si>
  <si>
    <t>勤務負担の
重さ</t>
    <rPh sb="0" eb="2">
      <t>キンム</t>
    </rPh>
    <rPh sb="2" eb="4">
      <t>フタン</t>
    </rPh>
    <rPh sb="6" eb="7">
      <t>オモ</t>
    </rPh>
    <phoneticPr fontId="2"/>
  </si>
  <si>
    <t>他の病院</t>
    <rPh sb="0" eb="1">
      <t>タ</t>
    </rPh>
    <rPh sb="2" eb="4">
      <t>ビョウイン</t>
    </rPh>
    <phoneticPr fontId="2"/>
  </si>
  <si>
    <t>その他</t>
    <rPh sb="2" eb="3">
      <t>タ</t>
    </rPh>
    <phoneticPr fontId="2"/>
  </si>
  <si>
    <t>不明</t>
    <rPh sb="0" eb="2">
      <t>フメイ</t>
    </rPh>
    <phoneticPr fontId="2"/>
  </si>
  <si>
    <t>病棟</t>
    <rPh sb="0" eb="2">
      <t>ビョウトウ</t>
    </rPh>
    <phoneticPr fontId="1"/>
  </si>
  <si>
    <t>外来</t>
    <rPh sb="0" eb="2">
      <t>ガイライ</t>
    </rPh>
    <phoneticPr fontId="1"/>
  </si>
  <si>
    <t>手術室</t>
    <rPh sb="0" eb="2">
      <t>シュジュツ</t>
    </rPh>
    <rPh sb="2" eb="3">
      <t>シツ</t>
    </rPh>
    <phoneticPr fontId="1"/>
  </si>
  <si>
    <t xml:space="preserve">（１）　病床数別離職率  </t>
    <rPh sb="6" eb="7">
      <t>スウ</t>
    </rPh>
    <rPh sb="10" eb="11">
      <t>リツ</t>
    </rPh>
    <phoneticPr fontId="2"/>
  </si>
  <si>
    <t>職種</t>
    <rPh sb="0" eb="2">
      <t>ショクシュ</t>
    </rPh>
    <phoneticPr fontId="1"/>
  </si>
  <si>
    <t>看護師</t>
    <rPh sb="0" eb="2">
      <t>カンゴ</t>
    </rPh>
    <rPh sb="2" eb="3">
      <t>シ</t>
    </rPh>
    <phoneticPr fontId="1"/>
  </si>
  <si>
    <t>准看護師</t>
    <rPh sb="0" eb="4">
      <t>ジュンカンゴシ</t>
    </rPh>
    <phoneticPr fontId="1"/>
  </si>
  <si>
    <t>（１）　病床数別採用状況</t>
    <rPh sb="4" eb="7">
      <t>ビョウショウスウ</t>
    </rPh>
    <rPh sb="7" eb="8">
      <t>ベツ</t>
    </rPh>
    <rPh sb="8" eb="10">
      <t>サイヨウ</t>
    </rPh>
    <rPh sb="10" eb="12">
      <t>ジョウキョウ</t>
    </rPh>
    <phoneticPr fontId="2"/>
  </si>
  <si>
    <t>合　計</t>
    <phoneticPr fontId="1"/>
  </si>
  <si>
    <t>職種</t>
    <phoneticPr fontId="1"/>
  </si>
  <si>
    <t>横浜</t>
    <rPh sb="0" eb="2">
      <t>ヨコハマ</t>
    </rPh>
    <phoneticPr fontId="1"/>
  </si>
  <si>
    <t>川崎</t>
    <rPh sb="0" eb="2">
      <t>カワサキ</t>
    </rPh>
    <phoneticPr fontId="1"/>
  </si>
  <si>
    <t>※複数回答可</t>
    <rPh sb="1" eb="3">
      <t>フクスウ</t>
    </rPh>
    <rPh sb="3" eb="5">
      <t>カイトウ</t>
    </rPh>
    <rPh sb="5" eb="6">
      <t>カ</t>
    </rPh>
    <phoneticPr fontId="1"/>
  </si>
  <si>
    <t>（２）　職種別採用状況</t>
    <rPh sb="4" eb="6">
      <t>ショクシュ</t>
    </rPh>
    <rPh sb="6" eb="7">
      <t>ベツ</t>
    </rPh>
    <rPh sb="7" eb="9">
      <t>サイヨウ</t>
    </rPh>
    <rPh sb="9" eb="11">
      <t>ジョウキョウ</t>
    </rPh>
    <phoneticPr fontId="2"/>
  </si>
  <si>
    <t>出産
育児</t>
    <rPh sb="0" eb="2">
      <t>シュッサン</t>
    </rPh>
    <rPh sb="3" eb="5">
      <t>イクジ</t>
    </rPh>
    <phoneticPr fontId="2"/>
  </si>
  <si>
    <t>５．退職理由</t>
    <rPh sb="2" eb="4">
      <t>タイショク</t>
    </rPh>
    <rPh sb="4" eb="6">
      <t>リユウ</t>
    </rPh>
    <phoneticPr fontId="2"/>
  </si>
  <si>
    <t>20～99</t>
    <phoneticPr fontId="1"/>
  </si>
  <si>
    <t>400～499</t>
    <phoneticPr fontId="1"/>
  </si>
  <si>
    <t>平均職員数：</t>
    <rPh sb="0" eb="2">
      <t>ヘイキン</t>
    </rPh>
    <rPh sb="2" eb="4">
      <t>ショクイン</t>
    </rPh>
    <rPh sb="4" eb="5">
      <t>スウ</t>
    </rPh>
    <phoneticPr fontId="1"/>
  </si>
  <si>
    <t>離職率（％）＝退職者数/平均職員数＊100</t>
    <rPh sb="0" eb="3">
      <t>リショクリツ</t>
    </rPh>
    <rPh sb="7" eb="9">
      <t>タイショク</t>
    </rPh>
    <rPh sb="9" eb="10">
      <t>シャ</t>
    </rPh>
    <rPh sb="10" eb="11">
      <t>スウ</t>
    </rPh>
    <rPh sb="12" eb="14">
      <t>ヘイキン</t>
    </rPh>
    <rPh sb="14" eb="16">
      <t>ショクイン</t>
    </rPh>
    <rPh sb="16" eb="17">
      <t>スウ</t>
    </rPh>
    <phoneticPr fontId="1"/>
  </si>
  <si>
    <t>20～99</t>
  </si>
  <si>
    <t>100～199</t>
  </si>
  <si>
    <t>200～299</t>
  </si>
  <si>
    <t>300～399</t>
  </si>
  <si>
    <t>400～499</t>
  </si>
  <si>
    <t>退職者数　：</t>
    <rPh sb="0" eb="3">
      <t>タイショクシャ</t>
    </rPh>
    <rPh sb="3" eb="4">
      <t>スウ</t>
    </rPh>
    <phoneticPr fontId="1"/>
  </si>
  <si>
    <t>人数</t>
    <rPh sb="0" eb="2">
      <t>ニンズウ</t>
    </rPh>
    <phoneticPr fontId="2"/>
  </si>
  <si>
    <t>呼吸器（気道確保に係るもの）関連</t>
  </si>
  <si>
    <t>呼吸器（人工呼吸療法に係るもの）関連</t>
  </si>
  <si>
    <t>呼吸器（長期呼吸療法に係るもの）関連</t>
  </si>
  <si>
    <t>循環器関連</t>
  </si>
  <si>
    <t>心嚢ドレーン管理関連</t>
    <rPh sb="1" eb="2">
      <t>ノウ</t>
    </rPh>
    <phoneticPr fontId="13"/>
  </si>
  <si>
    <t>胸腔ドレーン管理関連</t>
  </si>
  <si>
    <t>腹腔ドレーン管理関連</t>
  </si>
  <si>
    <t>ろう孔管理関連</t>
  </si>
  <si>
    <t>栄養に係るカテーテル管理（中心静脈カテーテル管理）関連</t>
  </si>
  <si>
    <t>創傷管理関連</t>
  </si>
  <si>
    <t>創部ドレーン管理関連</t>
  </si>
  <si>
    <t>動脈血液ガス分析関連</t>
  </si>
  <si>
    <t>透析管理関連</t>
  </si>
  <si>
    <t>栄養及び水分管理に係る薬剤投与関連</t>
  </si>
  <si>
    <t>感染に係る薬剤投与関連</t>
  </si>
  <si>
    <t>血糖コントロールに係る薬剤投与関連</t>
  </si>
  <si>
    <t>循環動態に係る薬剤投与関連</t>
  </si>
  <si>
    <t>精神及び神経症状に係る薬剤投与関連</t>
  </si>
  <si>
    <t>皮膚損傷に係る薬剤投与関連</t>
  </si>
  <si>
    <t>８．特定行為研修制度</t>
    <rPh sb="2" eb="4">
      <t>トクテイ</t>
    </rPh>
    <rPh sb="4" eb="6">
      <t>コウイ</t>
    </rPh>
    <rPh sb="6" eb="8">
      <t>ケンシュウ</t>
    </rPh>
    <rPh sb="8" eb="10">
      <t>セイド</t>
    </rPh>
    <phoneticPr fontId="2"/>
  </si>
  <si>
    <t>　　　特定行為区分の名称</t>
    <rPh sb="3" eb="5">
      <t>トクテイ</t>
    </rPh>
    <rPh sb="5" eb="7">
      <t>コウイ</t>
    </rPh>
    <rPh sb="7" eb="9">
      <t>クブン</t>
    </rPh>
    <rPh sb="10" eb="12">
      <t>メイショウ</t>
    </rPh>
    <phoneticPr fontId="13"/>
  </si>
  <si>
    <t>修了者人数</t>
    <rPh sb="0" eb="3">
      <t>シュウリョウシャ</t>
    </rPh>
    <rPh sb="3" eb="5">
      <t>ニンズウ</t>
    </rPh>
    <phoneticPr fontId="13"/>
  </si>
  <si>
    <t>栄養に係るカテーテル管理（末梢留置型中心静脈注射用カテーテル管理）関連</t>
    <phoneticPr fontId="13"/>
  </si>
  <si>
    <t>術後疼痛管理関連</t>
    <rPh sb="2" eb="3">
      <t>トウ</t>
    </rPh>
    <phoneticPr fontId="13"/>
  </si>
  <si>
    <t>合計（延べ）</t>
    <rPh sb="0" eb="2">
      <t>ゴウケイ</t>
    </rPh>
    <rPh sb="3" eb="4">
      <t>ノ</t>
    </rPh>
    <phoneticPr fontId="13"/>
  </si>
  <si>
    <t>その他</t>
    <rPh sb="2" eb="3">
      <t>ホカ</t>
    </rPh>
    <phoneticPr fontId="2"/>
  </si>
  <si>
    <t>100～199</t>
    <phoneticPr fontId="1"/>
  </si>
  <si>
    <t>200～299</t>
    <phoneticPr fontId="1"/>
  </si>
  <si>
    <t>300～399</t>
    <phoneticPr fontId="1"/>
  </si>
  <si>
    <t>500～</t>
    <phoneticPr fontId="1"/>
  </si>
  <si>
    <t>いると回答した病院</t>
    <rPh sb="3" eb="5">
      <t>カイトウ</t>
    </rPh>
    <rPh sb="7" eb="9">
      <t>ビョウイン</t>
    </rPh>
    <phoneticPr fontId="1"/>
  </si>
  <si>
    <t>合計</t>
    <phoneticPr fontId="1"/>
  </si>
  <si>
    <t>ある</t>
    <phoneticPr fontId="1"/>
  </si>
  <si>
    <t>必要がない</t>
    <rPh sb="0" eb="2">
      <t>ヒツヨウ</t>
    </rPh>
    <phoneticPr fontId="1"/>
  </si>
  <si>
    <t>経済的余裕がない</t>
    <rPh sb="0" eb="3">
      <t>ケイザイテキ</t>
    </rPh>
    <rPh sb="3" eb="5">
      <t>ヨユウ</t>
    </rPh>
    <phoneticPr fontId="1"/>
  </si>
  <si>
    <t>時間的余裕がない</t>
    <rPh sb="0" eb="3">
      <t>ジカンテキ</t>
    </rPh>
    <rPh sb="3" eb="5">
      <t>ヨユウ</t>
    </rPh>
    <phoneticPr fontId="1"/>
  </si>
  <si>
    <t>その他</t>
    <rPh sb="2" eb="3">
      <t>ホカ</t>
    </rPh>
    <phoneticPr fontId="1"/>
  </si>
  <si>
    <t>20～99</t>
    <phoneticPr fontId="1"/>
  </si>
  <si>
    <t>300～399</t>
    <phoneticPr fontId="2"/>
  </si>
  <si>
    <t>400～499</t>
    <phoneticPr fontId="1"/>
  </si>
  <si>
    <t>（２）二次医療圏別看護補助者数</t>
    <rPh sb="9" eb="11">
      <t>カンゴ</t>
    </rPh>
    <rPh sb="11" eb="14">
      <t>ホジョシャ</t>
    </rPh>
    <rPh sb="14" eb="15">
      <t>スウ</t>
    </rPh>
    <phoneticPr fontId="2"/>
  </si>
  <si>
    <t>（３）配置部署別の充足状況（病床数別）</t>
    <rPh sb="3" eb="5">
      <t>ハイチ</t>
    </rPh>
    <rPh sb="5" eb="7">
      <t>ブショ</t>
    </rPh>
    <rPh sb="7" eb="8">
      <t>ベツ</t>
    </rPh>
    <rPh sb="9" eb="11">
      <t>ジュウソク</t>
    </rPh>
    <rPh sb="11" eb="13">
      <t>ジョウキョウ</t>
    </rPh>
    <rPh sb="14" eb="17">
      <t>ビョウショウスウ</t>
    </rPh>
    <rPh sb="17" eb="18">
      <t>ベツ</t>
    </rPh>
    <phoneticPr fontId="2"/>
  </si>
  <si>
    <t>配置できている</t>
    <rPh sb="0" eb="2">
      <t>ハイチ</t>
    </rPh>
    <phoneticPr fontId="1"/>
  </si>
  <si>
    <t>平均不足人数*</t>
    <rPh sb="0" eb="2">
      <t>ヘイキン</t>
    </rPh>
    <rPh sb="2" eb="4">
      <t>フソク</t>
    </rPh>
    <rPh sb="4" eb="6">
      <t>ニンズウ</t>
    </rPh>
    <phoneticPr fontId="1"/>
  </si>
  <si>
    <t>　*不足人数合計/不足していると回答した病院数</t>
    <rPh sb="2" eb="4">
      <t>フソク</t>
    </rPh>
    <rPh sb="4" eb="6">
      <t>ニンズウ</t>
    </rPh>
    <rPh sb="6" eb="8">
      <t>ゴウケイ</t>
    </rPh>
    <rPh sb="9" eb="11">
      <t>フソク</t>
    </rPh>
    <rPh sb="16" eb="18">
      <t>カイトウ</t>
    </rPh>
    <rPh sb="20" eb="22">
      <t>ビョウイン</t>
    </rPh>
    <rPh sb="22" eb="23">
      <t>スウ</t>
    </rPh>
    <phoneticPr fontId="1"/>
  </si>
  <si>
    <t>（３）　二次医療圏別採用状況</t>
    <rPh sb="4" eb="6">
      <t>ニジ</t>
    </rPh>
    <rPh sb="6" eb="8">
      <t>イリョウ</t>
    </rPh>
    <rPh sb="8" eb="9">
      <t>ケン</t>
    </rPh>
    <rPh sb="9" eb="10">
      <t>ベツ</t>
    </rPh>
    <rPh sb="10" eb="12">
      <t>サイヨウ</t>
    </rPh>
    <rPh sb="12" eb="14">
      <t>ジョウキョウ</t>
    </rPh>
    <phoneticPr fontId="1"/>
  </si>
  <si>
    <t>川崎</t>
    <phoneticPr fontId="1"/>
  </si>
  <si>
    <t>定年退職</t>
    <rPh sb="0" eb="2">
      <t>テイネン</t>
    </rPh>
    <rPh sb="2" eb="4">
      <t>タイショク</t>
    </rPh>
    <phoneticPr fontId="1"/>
  </si>
  <si>
    <t>県内就職先</t>
    <rPh sb="0" eb="2">
      <t>ケンナイ</t>
    </rPh>
    <rPh sb="2" eb="4">
      <t>シュウショク</t>
    </rPh>
    <rPh sb="4" eb="5">
      <t>サキ</t>
    </rPh>
    <phoneticPr fontId="2"/>
  </si>
  <si>
    <t>３年目</t>
    <phoneticPr fontId="13"/>
  </si>
  <si>
    <t>５年目</t>
    <phoneticPr fontId="13"/>
  </si>
  <si>
    <t>６年目以降</t>
    <rPh sb="3" eb="5">
      <t>イコウ</t>
    </rPh>
    <phoneticPr fontId="13"/>
  </si>
  <si>
    <t>　看護職以外に転職
(他業種・他職種への転職)</t>
    <phoneticPr fontId="13"/>
  </si>
  <si>
    <t>　定年退職</t>
    <rPh sb="1" eb="3">
      <t>テイネン</t>
    </rPh>
    <rPh sb="3" eb="5">
      <t>タイショク</t>
    </rPh>
    <phoneticPr fontId="13"/>
  </si>
  <si>
    <t>　結婚</t>
    <rPh sb="1" eb="3">
      <t>ケッコン</t>
    </rPh>
    <phoneticPr fontId="13"/>
  </si>
  <si>
    <t>　出産・育児</t>
    <rPh sb="1" eb="3">
      <t>シュッサン</t>
    </rPh>
    <rPh sb="4" eb="6">
      <t>イクジ</t>
    </rPh>
    <phoneticPr fontId="13"/>
  </si>
  <si>
    <t>　進学</t>
    <rPh sb="1" eb="3">
      <t>シンガク</t>
    </rPh>
    <phoneticPr fontId="13"/>
  </si>
  <si>
    <t>　本人の心身の不良</t>
    <phoneticPr fontId="13"/>
  </si>
  <si>
    <t>　家族の健康・介護</t>
    <phoneticPr fontId="13"/>
  </si>
  <si>
    <t>　転居</t>
    <phoneticPr fontId="13"/>
  </si>
  <si>
    <t>　教育体制</t>
    <rPh sb="1" eb="3">
      <t>キョウイク</t>
    </rPh>
    <rPh sb="3" eb="5">
      <t>タイセイ</t>
    </rPh>
    <phoneticPr fontId="13"/>
  </si>
  <si>
    <t>　勤務負担の重さ</t>
    <rPh sb="1" eb="3">
      <t>キンム</t>
    </rPh>
    <rPh sb="3" eb="5">
      <t>フタン</t>
    </rPh>
    <rPh sb="6" eb="7">
      <t>オモ</t>
    </rPh>
    <phoneticPr fontId="13"/>
  </si>
  <si>
    <t>　給与・福利厚生</t>
    <rPh sb="1" eb="3">
      <t>キュウヨ</t>
    </rPh>
    <rPh sb="4" eb="6">
      <t>フクリ</t>
    </rPh>
    <rPh sb="6" eb="8">
      <t>コウセイ</t>
    </rPh>
    <phoneticPr fontId="13"/>
  </si>
  <si>
    <t>　職場の人間関係</t>
    <rPh sb="1" eb="3">
      <t>ショクバ</t>
    </rPh>
    <rPh sb="4" eb="6">
      <t>ニンゲン</t>
    </rPh>
    <rPh sb="6" eb="8">
      <t>カンケイ</t>
    </rPh>
    <phoneticPr fontId="13"/>
  </si>
  <si>
    <t>その他</t>
    <rPh sb="2" eb="3">
      <t>ホカ</t>
    </rPh>
    <phoneticPr fontId="13"/>
  </si>
  <si>
    <t>不明</t>
    <rPh sb="0" eb="2">
      <t>フメイ</t>
    </rPh>
    <phoneticPr fontId="13"/>
  </si>
  <si>
    <t>計</t>
    <rPh sb="0" eb="1">
      <t>ケイ</t>
    </rPh>
    <phoneticPr fontId="13"/>
  </si>
  <si>
    <t>退職理由</t>
    <phoneticPr fontId="13"/>
  </si>
  <si>
    <t>通算経験</t>
    <phoneticPr fontId="13"/>
  </si>
  <si>
    <t>２年目</t>
    <phoneticPr fontId="13"/>
  </si>
  <si>
    <t>４年目</t>
    <phoneticPr fontId="13"/>
  </si>
  <si>
    <t>新人</t>
    <rPh sb="0" eb="2">
      <t>シンジン</t>
    </rPh>
    <phoneticPr fontId="1"/>
  </si>
  <si>
    <t>３年目</t>
    <rPh sb="1" eb="3">
      <t>ネンメ</t>
    </rPh>
    <phoneticPr fontId="1"/>
  </si>
  <si>
    <t>４年目</t>
    <rPh sb="1" eb="3">
      <t>ネンメ</t>
    </rPh>
    <phoneticPr fontId="1"/>
  </si>
  <si>
    <t>５年目</t>
    <rPh sb="1" eb="3">
      <t>ネンメ</t>
    </rPh>
    <phoneticPr fontId="1"/>
  </si>
  <si>
    <t>（３）　二次医療圏別</t>
    <rPh sb="4" eb="6">
      <t>ニジ</t>
    </rPh>
    <rPh sb="6" eb="8">
      <t>イリョウ</t>
    </rPh>
    <rPh sb="8" eb="9">
      <t>ケン</t>
    </rPh>
    <rPh sb="9" eb="10">
      <t>ベツ</t>
    </rPh>
    <phoneticPr fontId="1"/>
  </si>
  <si>
    <t>二次医療圏</t>
    <rPh sb="0" eb="5">
      <t>ニジイリョウケン</t>
    </rPh>
    <phoneticPr fontId="1"/>
  </si>
  <si>
    <t>職種</t>
    <rPh sb="0" eb="2">
      <t>ショクシュ</t>
    </rPh>
    <phoneticPr fontId="1"/>
  </si>
  <si>
    <t>訪問看護ＳＴ</t>
    <rPh sb="0" eb="4">
      <t>ホウモンカンゴ</t>
    </rPh>
    <phoneticPr fontId="2"/>
  </si>
  <si>
    <t>老健・特養</t>
    <rPh sb="0" eb="2">
      <t>ロウケン</t>
    </rPh>
    <rPh sb="3" eb="5">
      <t>トクヨウ</t>
    </rPh>
    <phoneticPr fontId="2"/>
  </si>
  <si>
    <t>採用あり</t>
    <rPh sb="0" eb="2">
      <t>サイヨウ</t>
    </rPh>
    <phoneticPr fontId="2"/>
  </si>
  <si>
    <t>①全て自施設</t>
    <rPh sb="1" eb="2">
      <t>スベ</t>
    </rPh>
    <rPh sb="3" eb="4">
      <t>ジ</t>
    </rPh>
    <rPh sb="4" eb="6">
      <t>シセツ</t>
    </rPh>
    <phoneticPr fontId="1"/>
  </si>
  <si>
    <t>②一部外部</t>
    <rPh sb="1" eb="3">
      <t>イチブ</t>
    </rPh>
    <rPh sb="3" eb="5">
      <t>ガイブ</t>
    </rPh>
    <phoneticPr fontId="1"/>
  </si>
  <si>
    <t>③全て外部</t>
    <rPh sb="1" eb="2">
      <t>スベ</t>
    </rPh>
    <rPh sb="3" eb="5">
      <t>ガイブ</t>
    </rPh>
    <phoneticPr fontId="1"/>
  </si>
  <si>
    <t>④実施していない</t>
    <rPh sb="1" eb="3">
      <t>ジッシ</t>
    </rPh>
    <phoneticPr fontId="2"/>
  </si>
  <si>
    <t>変更無し</t>
    <rPh sb="0" eb="2">
      <t>ヘンコウ</t>
    </rPh>
    <rPh sb="2" eb="3">
      <t>ナ</t>
    </rPh>
    <phoneticPr fontId="1"/>
  </si>
  <si>
    <t>ＯＪＴ振替</t>
    <rPh sb="3" eb="5">
      <t>フリカエ</t>
    </rPh>
    <phoneticPr fontId="1"/>
  </si>
  <si>
    <t>対面中止</t>
    <rPh sb="0" eb="2">
      <t>タイメン</t>
    </rPh>
    <rPh sb="2" eb="4">
      <t>チュウシ</t>
    </rPh>
    <phoneticPr fontId="1"/>
  </si>
  <si>
    <t>対面縮小</t>
    <rPh sb="0" eb="2">
      <t>タイメン</t>
    </rPh>
    <rPh sb="2" eb="4">
      <t>シュクショウ</t>
    </rPh>
    <phoneticPr fontId="1"/>
  </si>
  <si>
    <t>※複数回答可</t>
    <rPh sb="1" eb="3">
      <t>フクスウ</t>
    </rPh>
    <rPh sb="3" eb="5">
      <t>カイトウ</t>
    </rPh>
    <rPh sb="5" eb="6">
      <t>カ</t>
    </rPh>
    <phoneticPr fontId="1"/>
  </si>
  <si>
    <t xml:space="preserve">平均職員数    </t>
    <rPh sb="0" eb="2">
      <t>ヘイキン</t>
    </rPh>
    <rPh sb="2" eb="4">
      <t>ショクイン</t>
    </rPh>
    <rPh sb="4" eb="5">
      <t>スウ</t>
    </rPh>
    <phoneticPr fontId="1"/>
  </si>
  <si>
    <t>R2.4.1～R3.3.31の退職者数</t>
    <rPh sb="15" eb="17">
      <t>タイショク</t>
    </rPh>
    <rPh sb="17" eb="18">
      <t>シャ</t>
    </rPh>
    <rPh sb="18" eb="19">
      <t>スウ</t>
    </rPh>
    <phoneticPr fontId="1"/>
  </si>
  <si>
    <t>R3.3.31職員数</t>
    <rPh sb="7" eb="10">
      <t>ショクインスウ</t>
    </rPh>
    <phoneticPr fontId="1"/>
  </si>
  <si>
    <t>R2.4.1職員数　</t>
    <rPh sb="6" eb="8">
      <t>ショクイン</t>
    </rPh>
    <rPh sb="8" eb="9">
      <t>スウ</t>
    </rPh>
    <phoneticPr fontId="1"/>
  </si>
  <si>
    <t>自施設雇用</t>
    <rPh sb="0" eb="1">
      <t>ジ</t>
    </rPh>
    <rPh sb="1" eb="3">
      <t>シセツ</t>
    </rPh>
    <rPh sb="3" eb="5">
      <t>コヨウ</t>
    </rPh>
    <phoneticPr fontId="2"/>
  </si>
  <si>
    <t>委託派遣等</t>
    <rPh sb="0" eb="2">
      <t>イタク</t>
    </rPh>
    <rPh sb="2" eb="4">
      <t>ハケン</t>
    </rPh>
    <rPh sb="4" eb="5">
      <t>トウ</t>
    </rPh>
    <phoneticPr fontId="2"/>
  </si>
  <si>
    <t>（１）病床数別看護補助者数</t>
    <rPh sb="6" eb="7">
      <t>ベツ</t>
    </rPh>
    <rPh sb="7" eb="9">
      <t>カンゴ</t>
    </rPh>
    <rPh sb="9" eb="12">
      <t>ホジョシャ</t>
    </rPh>
    <rPh sb="12" eb="13">
      <t>スウ</t>
    </rPh>
    <phoneticPr fontId="2"/>
  </si>
  <si>
    <t>看護補助者
合計</t>
    <rPh sb="0" eb="2">
      <t>カンゴ</t>
    </rPh>
    <rPh sb="2" eb="5">
      <t>ホジョシャ</t>
    </rPh>
    <rPh sb="6" eb="8">
      <t>ゴウケイ</t>
    </rPh>
    <phoneticPr fontId="1"/>
  </si>
  <si>
    <t>看護補助者
合計</t>
    <rPh sb="0" eb="2">
      <t>カンゴ</t>
    </rPh>
    <rPh sb="2" eb="4">
      <t>ホジョ</t>
    </rPh>
    <rPh sb="4" eb="5">
      <t>シャ</t>
    </rPh>
    <rPh sb="6" eb="8">
      <t>ゴウケイ</t>
    </rPh>
    <phoneticPr fontId="1"/>
  </si>
  <si>
    <t>離職率</t>
  </si>
  <si>
    <t>Ｒ2年度中退職者数</t>
    <rPh sb="4" eb="5">
      <t>ナカ</t>
    </rPh>
    <phoneticPr fontId="2"/>
  </si>
  <si>
    <t>R2年度採用数</t>
    <rPh sb="2" eb="4">
      <t>ネンド</t>
    </rPh>
    <rPh sb="4" eb="6">
      <t>サイヨウ</t>
    </rPh>
    <rPh sb="6" eb="7">
      <t>スウ</t>
    </rPh>
    <phoneticPr fontId="2"/>
  </si>
  <si>
    <t>職種</t>
    <phoneticPr fontId="1"/>
  </si>
  <si>
    <t>職種</t>
    <phoneticPr fontId="1"/>
  </si>
  <si>
    <t>二次医療圏</t>
    <rPh sb="0" eb="2">
      <t>ニジ</t>
    </rPh>
    <rPh sb="2" eb="4">
      <t>イリョウ</t>
    </rPh>
    <rPh sb="4" eb="5">
      <t>ケン</t>
    </rPh>
    <phoneticPr fontId="1"/>
  </si>
  <si>
    <t>回答病院数</t>
    <rPh sb="0" eb="2">
      <t>カイトウ</t>
    </rPh>
    <rPh sb="2" eb="4">
      <t>ビョウイン</t>
    </rPh>
    <rPh sb="4" eb="5">
      <t>スウ</t>
    </rPh>
    <phoneticPr fontId="2"/>
  </si>
  <si>
    <t>県内</t>
    <rPh sb="0" eb="2">
      <t>ケンナイ</t>
    </rPh>
    <phoneticPr fontId="2"/>
  </si>
  <si>
    <t>県外</t>
    <rPh sb="0" eb="2">
      <t>ケンガイ</t>
    </rPh>
    <phoneticPr fontId="2"/>
  </si>
  <si>
    <t>決まっていない</t>
    <rPh sb="0" eb="1">
      <t>キ</t>
    </rPh>
    <phoneticPr fontId="2"/>
  </si>
  <si>
    <t>採用必要数</t>
    <rPh sb="0" eb="2">
      <t>サイヨウ</t>
    </rPh>
    <rPh sb="2" eb="5">
      <t>ヒツヨウスウ</t>
    </rPh>
    <phoneticPr fontId="1"/>
  </si>
  <si>
    <t>採用者数</t>
    <rPh sb="0" eb="3">
      <t>サイヨウシャ</t>
    </rPh>
    <rPh sb="3" eb="4">
      <t>スウ</t>
    </rPh>
    <phoneticPr fontId="1"/>
  </si>
  <si>
    <t>二次医療圏</t>
    <rPh sb="0" eb="2">
      <t>ニジ</t>
    </rPh>
    <rPh sb="2" eb="4">
      <t>イリョウ</t>
    </rPh>
    <rPh sb="4" eb="5">
      <t>ケン</t>
    </rPh>
    <phoneticPr fontId="1"/>
  </si>
  <si>
    <t>R3年度確保率</t>
    <rPh sb="2" eb="4">
      <t>ネンド</t>
    </rPh>
    <rPh sb="4" eb="6">
      <t>カクホ</t>
    </rPh>
    <rPh sb="6" eb="7">
      <t>リツ</t>
    </rPh>
    <phoneticPr fontId="1"/>
  </si>
  <si>
    <t>希望者がいない</t>
    <rPh sb="0" eb="3">
      <t>キボウシャ</t>
    </rPh>
    <phoneticPr fontId="1"/>
  </si>
  <si>
    <t>人員不足、受講調整が困難</t>
    <rPh sb="0" eb="2">
      <t>ジンイン</t>
    </rPh>
    <rPh sb="2" eb="4">
      <t>ブソク</t>
    </rPh>
    <rPh sb="5" eb="7">
      <t>ジュコウ</t>
    </rPh>
    <rPh sb="7" eb="9">
      <t>チョウセイ</t>
    </rPh>
    <rPh sb="10" eb="12">
      <t>コンナン</t>
    </rPh>
    <phoneticPr fontId="1"/>
  </si>
  <si>
    <t>特定行為研修よりも認定看護師の希望がある</t>
    <rPh sb="0" eb="2">
      <t>トクテイ</t>
    </rPh>
    <rPh sb="2" eb="4">
      <t>コウイ</t>
    </rPh>
    <rPh sb="4" eb="6">
      <t>ケンシュウ</t>
    </rPh>
    <rPh sb="9" eb="11">
      <t>ニンテイ</t>
    </rPh>
    <rPh sb="11" eb="14">
      <t>カンゴシ</t>
    </rPh>
    <rPh sb="15" eb="17">
      <t>キボウ</t>
    </rPh>
    <phoneticPr fontId="1"/>
  </si>
  <si>
    <t>今後検討する</t>
    <rPh sb="0" eb="2">
      <t>コンゴ</t>
    </rPh>
    <rPh sb="2" eb="4">
      <t>ケントウ</t>
    </rPh>
    <phoneticPr fontId="1"/>
  </si>
  <si>
    <t>研修対象者がいない、育成ができていない</t>
    <rPh sb="0" eb="2">
      <t>ケンシュウ</t>
    </rPh>
    <rPh sb="2" eb="5">
      <t>タイショウシャ</t>
    </rPh>
    <rPh sb="10" eb="12">
      <t>イクセイ</t>
    </rPh>
    <phoneticPr fontId="1"/>
  </si>
  <si>
    <t>研修方法等に疑問がある（実施施設による格差等）</t>
    <rPh sb="0" eb="2">
      <t>ケンシュウ</t>
    </rPh>
    <rPh sb="2" eb="4">
      <t>ホウホウ</t>
    </rPh>
    <rPh sb="4" eb="5">
      <t>トウ</t>
    </rPh>
    <rPh sb="6" eb="8">
      <t>ギモン</t>
    </rPh>
    <rPh sb="12" eb="14">
      <t>ジッシ</t>
    </rPh>
    <rPh sb="14" eb="16">
      <t>シセツ</t>
    </rPh>
    <rPh sb="19" eb="21">
      <t>カクサ</t>
    </rPh>
    <rPh sb="21" eb="22">
      <t>トウ</t>
    </rPh>
    <phoneticPr fontId="1"/>
  </si>
  <si>
    <t>-</t>
    <phoneticPr fontId="1"/>
  </si>
  <si>
    <t>-</t>
    <phoneticPr fontId="1"/>
  </si>
  <si>
    <t>-</t>
    <phoneticPr fontId="1"/>
  </si>
  <si>
    <t>-</t>
    <phoneticPr fontId="1"/>
  </si>
  <si>
    <t>-</t>
    <phoneticPr fontId="1"/>
  </si>
  <si>
    <t>※R3.3.31時点</t>
    <rPh sb="8" eb="10">
      <t>ジテン</t>
    </rPh>
    <phoneticPr fontId="1"/>
  </si>
  <si>
    <t>体制の問題（医師との連携、研修自体の認知不足、研修修了後の扱い等）</t>
    <rPh sb="0" eb="2">
      <t>タイセイ</t>
    </rPh>
    <rPh sb="3" eb="5">
      <t>モンダイ</t>
    </rPh>
    <rPh sb="6" eb="8">
      <t>イシ</t>
    </rPh>
    <rPh sb="10" eb="12">
      <t>レンケイ</t>
    </rPh>
    <rPh sb="13" eb="15">
      <t>ケンシュウ</t>
    </rPh>
    <rPh sb="15" eb="17">
      <t>ジタイ</t>
    </rPh>
    <rPh sb="18" eb="20">
      <t>ニンチ</t>
    </rPh>
    <rPh sb="20" eb="22">
      <t>フソク</t>
    </rPh>
    <rPh sb="23" eb="25">
      <t>ケンシュウ</t>
    </rPh>
    <rPh sb="25" eb="28">
      <t>シュウリョウゴ</t>
    </rPh>
    <rPh sb="27" eb="28">
      <t>ゴ</t>
    </rPh>
    <rPh sb="29" eb="30">
      <t>アツカ</t>
    </rPh>
    <rPh sb="31" eb="32">
      <t>トウ</t>
    </rPh>
    <phoneticPr fontId="1"/>
  </si>
  <si>
    <t>回答施設</t>
    <rPh sb="0" eb="2">
      <t>カイトウ</t>
    </rPh>
    <rPh sb="2" eb="4">
      <t>シセツ</t>
    </rPh>
    <phoneticPr fontId="1"/>
  </si>
  <si>
    <t>不足している施設　カッコ内は人数合計</t>
    <rPh sb="0" eb="2">
      <t>フソク</t>
    </rPh>
    <rPh sb="6" eb="8">
      <t>シセツ</t>
    </rPh>
    <rPh sb="12" eb="13">
      <t>ナイ</t>
    </rPh>
    <rPh sb="14" eb="16">
      <t>ニンズウ</t>
    </rPh>
    <rPh sb="16" eb="18">
      <t>ゴウケイ</t>
    </rPh>
    <phoneticPr fontId="1"/>
  </si>
  <si>
    <t>9（17.3）</t>
    <phoneticPr fontId="1"/>
  </si>
  <si>
    <t>22（116）</t>
    <phoneticPr fontId="1"/>
  </si>
  <si>
    <t>19（92.44）</t>
    <phoneticPr fontId="1"/>
  </si>
  <si>
    <t>7（78）</t>
    <phoneticPr fontId="1"/>
  </si>
  <si>
    <t>4（27）</t>
    <phoneticPr fontId="1"/>
  </si>
  <si>
    <t>11（98）</t>
    <phoneticPr fontId="1"/>
  </si>
  <si>
    <t>72（428.74）</t>
    <phoneticPr fontId="1"/>
  </si>
  <si>
    <t>4（5）</t>
    <phoneticPr fontId="1"/>
  </si>
  <si>
    <t>1（3）</t>
    <phoneticPr fontId="1"/>
  </si>
  <si>
    <t>2（2）</t>
    <phoneticPr fontId="1"/>
  </si>
  <si>
    <t>3（5）</t>
    <phoneticPr fontId="1"/>
  </si>
  <si>
    <t>2（7）</t>
    <phoneticPr fontId="1"/>
  </si>
  <si>
    <t>6（16）</t>
    <phoneticPr fontId="1"/>
  </si>
  <si>
    <t>18（38）</t>
    <phoneticPr fontId="1"/>
  </si>
  <si>
    <t>4（6）</t>
    <phoneticPr fontId="1"/>
  </si>
  <si>
    <t>2（2）</t>
    <phoneticPr fontId="1"/>
  </si>
  <si>
    <t>3（4）</t>
    <phoneticPr fontId="1"/>
  </si>
  <si>
    <t>0</t>
    <phoneticPr fontId="1"/>
  </si>
  <si>
    <t>4（6）</t>
    <phoneticPr fontId="1"/>
  </si>
  <si>
    <t>14（18）</t>
    <phoneticPr fontId="1"/>
  </si>
  <si>
    <t>2（4）</t>
    <phoneticPr fontId="1"/>
  </si>
  <si>
    <t>1（1）</t>
    <phoneticPr fontId="1"/>
  </si>
  <si>
    <t>2（1.44）</t>
    <phoneticPr fontId="1"/>
  </si>
  <si>
    <t>1（3）</t>
    <phoneticPr fontId="1"/>
  </si>
  <si>
    <t>8（13.44）</t>
    <phoneticPr fontId="1"/>
  </si>
  <si>
    <t>６．新人研修</t>
    <rPh sb="2" eb="4">
      <t>シンジン</t>
    </rPh>
    <rPh sb="4" eb="6">
      <t>ケンシュウ</t>
    </rPh>
    <phoneticPr fontId="2"/>
  </si>
  <si>
    <t>２．新卒新採用職員　採用状況と離職率</t>
    <rPh sb="7" eb="9">
      <t>ショクイン</t>
    </rPh>
    <rPh sb="10" eb="12">
      <t>サイヨウ</t>
    </rPh>
    <rPh sb="12" eb="14">
      <t>ジョウキョウ</t>
    </rPh>
    <rPh sb="15" eb="18">
      <t>リショクリツ</t>
    </rPh>
    <phoneticPr fontId="2"/>
  </si>
  <si>
    <t>〔県内の養成校を卒業したもの〕</t>
    <rPh sb="1" eb="3">
      <t>ケンナイ</t>
    </rPh>
    <rPh sb="4" eb="6">
      <t>ヨウセイ</t>
    </rPh>
    <rPh sb="6" eb="7">
      <t>コウ</t>
    </rPh>
    <rPh sb="8" eb="10">
      <t>ソツギョウ</t>
    </rPh>
    <phoneticPr fontId="2"/>
  </si>
  <si>
    <t>〔県外の養成校を卒業したもの〕</t>
    <rPh sb="1" eb="3">
      <t>ケンガイ</t>
    </rPh>
    <rPh sb="4" eb="6">
      <t>ヨウセイ</t>
    </rPh>
    <rPh sb="6" eb="7">
      <t>コウ</t>
    </rPh>
    <rPh sb="8" eb="10">
      <t>ソツギョウ</t>
    </rPh>
    <phoneticPr fontId="2"/>
  </si>
  <si>
    <t>（１）　病床数別　退職理由（人数）</t>
    <rPh sb="4" eb="7">
      <t>ビョウショウスウ</t>
    </rPh>
    <rPh sb="7" eb="8">
      <t>ベツ</t>
    </rPh>
    <rPh sb="9" eb="11">
      <t>タイショク</t>
    </rPh>
    <rPh sb="11" eb="13">
      <t>リユウ</t>
    </rPh>
    <rPh sb="14" eb="16">
      <t>ニンズウ</t>
    </rPh>
    <phoneticPr fontId="2"/>
  </si>
  <si>
    <t>（３）　経験年数別退職理由（人数）</t>
    <rPh sb="4" eb="6">
      <t>ケイケン</t>
    </rPh>
    <rPh sb="6" eb="8">
      <t>ネンスウ</t>
    </rPh>
    <rPh sb="8" eb="9">
      <t>ベツ</t>
    </rPh>
    <rPh sb="9" eb="11">
      <t>タイショク</t>
    </rPh>
    <rPh sb="11" eb="13">
      <t>リユウ</t>
    </rPh>
    <rPh sb="14" eb="16">
      <t>ニンズウ</t>
    </rPh>
    <phoneticPr fontId="1"/>
  </si>
  <si>
    <t>全体</t>
    <phoneticPr fontId="1"/>
  </si>
  <si>
    <t>県看護協会・「がんばれ新人ナース」</t>
    <rPh sb="0" eb="1">
      <t>ケン</t>
    </rPh>
    <rPh sb="1" eb="3">
      <t>カンゴ</t>
    </rPh>
    <rPh sb="3" eb="5">
      <t>キョウカイ</t>
    </rPh>
    <rPh sb="11" eb="13">
      <t>シンジン</t>
    </rPh>
    <phoneticPr fontId="1"/>
  </si>
  <si>
    <t>他病院の新人研修</t>
    <rPh sb="0" eb="1">
      <t>タ</t>
    </rPh>
    <rPh sb="1" eb="3">
      <t>ビョウイン</t>
    </rPh>
    <rPh sb="4" eb="6">
      <t>シンジン</t>
    </rPh>
    <rPh sb="6" eb="8">
      <t>ケンシュウ</t>
    </rPh>
    <phoneticPr fontId="1"/>
  </si>
  <si>
    <t>湘南ナース</t>
    <rPh sb="0" eb="2">
      <t>ショウナン</t>
    </rPh>
    <phoneticPr fontId="1"/>
  </si>
  <si>
    <t>医療安全・感染対策（リモート）</t>
  </si>
  <si>
    <t>認知行動療法</t>
  </si>
  <si>
    <t>詳細不明2</t>
    <rPh sb="0" eb="2">
      <t>ショウサイ</t>
    </rPh>
    <rPh sb="2" eb="4">
      <t>フメイ</t>
    </rPh>
    <phoneticPr fontId="1"/>
  </si>
  <si>
    <t xml:space="preserve">
神奈川県精神科病院協会　精神科新人看護職員研修コース</t>
    <phoneticPr fontId="1"/>
  </si>
  <si>
    <t>川崎市看護協会　新人看護師研修</t>
    <phoneticPr fontId="1"/>
  </si>
  <si>
    <t>認知行動療法</t>
    <phoneticPr fontId="1"/>
  </si>
  <si>
    <t>フィジカルアセスメント</t>
    <phoneticPr fontId="1"/>
  </si>
  <si>
    <t>その他・・・</t>
    <rPh sb="2" eb="3">
      <t>ホカ</t>
    </rPh>
    <phoneticPr fontId="1"/>
  </si>
  <si>
    <t>他のガイドラインを使用したため</t>
    <rPh sb="0" eb="1">
      <t>タ</t>
    </rPh>
    <rPh sb="9" eb="11">
      <t>シヨウ</t>
    </rPh>
    <phoneticPr fontId="1"/>
  </si>
  <si>
    <t>新型コロナウイルス感染症対策のため</t>
    <rPh sb="0" eb="2">
      <t>シンガタ</t>
    </rPh>
    <rPh sb="9" eb="12">
      <t>カンセンショウ</t>
    </rPh>
    <rPh sb="12" eb="14">
      <t>タイサク</t>
    </rPh>
    <phoneticPr fontId="1"/>
  </si>
  <si>
    <t>対象者（新人）がすぐに退職したため</t>
    <rPh sb="0" eb="3">
      <t>タイショウシャ</t>
    </rPh>
    <rPh sb="4" eb="6">
      <t>シンジン</t>
    </rPh>
    <rPh sb="11" eb="13">
      <t>タイショク</t>
    </rPh>
    <phoneticPr fontId="1"/>
  </si>
  <si>
    <t>参加予定の院外研修が中止になった</t>
    <rPh sb="0" eb="2">
      <t>サンカ</t>
    </rPh>
    <rPh sb="2" eb="4">
      <t>ヨテイ</t>
    </rPh>
    <rPh sb="5" eb="7">
      <t>インガイ</t>
    </rPh>
    <rPh sb="7" eb="9">
      <t>ケンシュウ</t>
    </rPh>
    <rPh sb="10" eb="12">
      <t>チュウシ</t>
    </rPh>
    <phoneticPr fontId="2"/>
  </si>
  <si>
    <t>院外研修を院内にて実施した</t>
    <rPh sb="0" eb="2">
      <t>インガイ</t>
    </rPh>
    <rPh sb="2" eb="4">
      <t>ケンシュウ</t>
    </rPh>
    <rPh sb="5" eb="7">
      <t>インナイ</t>
    </rPh>
    <rPh sb="9" eb="11">
      <t>ジッシ</t>
    </rPh>
    <phoneticPr fontId="2"/>
  </si>
  <si>
    <t>技術集合研修時間の増加</t>
    <rPh sb="0" eb="2">
      <t>ギジュツ</t>
    </rPh>
    <rPh sb="2" eb="4">
      <t>シュウゴウ</t>
    </rPh>
    <rPh sb="4" eb="6">
      <t>ケンシュウ</t>
    </rPh>
    <rPh sb="6" eb="8">
      <t>ジカン</t>
    </rPh>
    <rPh sb="9" eb="11">
      <t>ゾウカ</t>
    </rPh>
    <phoneticPr fontId="2"/>
  </si>
  <si>
    <t>メンタルサポート時間の増加</t>
    <rPh sb="8" eb="10">
      <t>ジカン</t>
    </rPh>
    <rPh sb="11" eb="13">
      <t>ゾウカ</t>
    </rPh>
    <phoneticPr fontId="2"/>
  </si>
  <si>
    <t>感染対策を講じて実施した</t>
    <rPh sb="0" eb="2">
      <t>カンセン</t>
    </rPh>
    <rPh sb="2" eb="4">
      <t>タイサク</t>
    </rPh>
    <rPh sb="5" eb="6">
      <t>コウ</t>
    </rPh>
    <rPh sb="8" eb="10">
      <t>ジッシ</t>
    </rPh>
    <phoneticPr fontId="2"/>
  </si>
  <si>
    <t>臨地実習時間が少なかったとのことで新たにジョブローテーションを実施した</t>
    <rPh sb="0" eb="2">
      <t>リンチ</t>
    </rPh>
    <rPh sb="2" eb="4">
      <t>ジッシュウ</t>
    </rPh>
    <rPh sb="4" eb="6">
      <t>ジカン</t>
    </rPh>
    <rPh sb="7" eb="8">
      <t>スク</t>
    </rPh>
    <rPh sb="17" eb="18">
      <t>アラ</t>
    </rPh>
    <rPh sb="31" eb="33">
      <t>ジッシ</t>
    </rPh>
    <phoneticPr fontId="2"/>
  </si>
  <si>
    <t>例年とほぼ同じだが時間数の調整をした</t>
    <rPh sb="0" eb="2">
      <t>レイネン</t>
    </rPh>
    <rPh sb="5" eb="6">
      <t>オナ</t>
    </rPh>
    <rPh sb="9" eb="12">
      <t>ジカンスウ</t>
    </rPh>
    <rPh sb="13" eb="15">
      <t>チョウセイ</t>
    </rPh>
    <phoneticPr fontId="2"/>
  </si>
  <si>
    <t>新型コロナウイルス感染症により病棟再編があり集合研修を延長した</t>
    <rPh sb="0" eb="2">
      <t>シンガタ</t>
    </rPh>
    <rPh sb="9" eb="12">
      <t>カンセンショウ</t>
    </rPh>
    <rPh sb="15" eb="17">
      <t>ビョウトウ</t>
    </rPh>
    <rPh sb="17" eb="19">
      <t>サイヘン</t>
    </rPh>
    <rPh sb="22" eb="24">
      <t>シュウゴウ</t>
    </rPh>
    <rPh sb="24" eb="26">
      <t>ケンシュウ</t>
    </rPh>
    <rPh sb="27" eb="29">
      <t>エンチョウ</t>
    </rPh>
    <phoneticPr fontId="2"/>
  </si>
  <si>
    <t>5　効果的な研修の実施</t>
    <rPh sb="2" eb="5">
      <t>コウカテキ</t>
    </rPh>
    <rPh sb="6" eb="8">
      <t>ケンシュウ</t>
    </rPh>
    <rPh sb="9" eb="11">
      <t>ジッシ</t>
    </rPh>
    <phoneticPr fontId="1"/>
  </si>
  <si>
    <t>1　時間確保、未回答</t>
    <rPh sb="2" eb="4">
      <t>ジカン</t>
    </rPh>
    <rPh sb="4" eb="6">
      <t>カクホ</t>
    </rPh>
    <rPh sb="7" eb="10">
      <t>ミカイトウ</t>
    </rPh>
    <phoneticPr fontId="1"/>
  </si>
  <si>
    <t>2　効果的な研修の実施</t>
    <rPh sb="2" eb="5">
      <t>コウカテキ</t>
    </rPh>
    <rPh sb="6" eb="8">
      <t>ケンシュウ</t>
    </rPh>
    <rPh sb="9" eb="11">
      <t>ジッシ</t>
    </rPh>
    <phoneticPr fontId="1"/>
  </si>
  <si>
    <t>1　時間確保</t>
    <rPh sb="2" eb="4">
      <t>ジカン</t>
    </rPh>
    <rPh sb="4" eb="6">
      <t>カクホ</t>
    </rPh>
    <phoneticPr fontId="1"/>
  </si>
  <si>
    <t>4　未回答・その他</t>
    <rPh sb="2" eb="5">
      <t>ミカイトウ</t>
    </rPh>
    <rPh sb="8" eb="9">
      <t>ホカ</t>
    </rPh>
    <phoneticPr fontId="1"/>
  </si>
  <si>
    <t>3　時間確保</t>
    <rPh sb="2" eb="6">
      <t>ジカンカクホ</t>
    </rPh>
    <phoneticPr fontId="1"/>
  </si>
  <si>
    <t>6　未回答・その他</t>
    <rPh sb="2" eb="5">
      <t>ミカイトウ</t>
    </rPh>
    <rPh sb="8" eb="9">
      <t>ホカ</t>
    </rPh>
    <phoneticPr fontId="1"/>
  </si>
  <si>
    <t>1　時間確保、研修担当者確保</t>
    <rPh sb="2" eb="4">
      <t>ジカン</t>
    </rPh>
    <rPh sb="4" eb="6">
      <t>カクホ</t>
    </rPh>
    <rPh sb="7" eb="14">
      <t>ケンシュウタントウシャカクホ</t>
    </rPh>
    <phoneticPr fontId="1"/>
  </si>
  <si>
    <t>7　研修担当者確保</t>
    <rPh sb="2" eb="4">
      <t>ケンシュウ</t>
    </rPh>
    <rPh sb="4" eb="7">
      <t>タントウシャ</t>
    </rPh>
    <rPh sb="7" eb="9">
      <t>カクホ</t>
    </rPh>
    <phoneticPr fontId="1"/>
  </si>
  <si>
    <t>回答件数*</t>
    <rPh sb="0" eb="2">
      <t>カイトウ</t>
    </rPh>
    <rPh sb="2" eb="4">
      <t>ケンスウ</t>
    </rPh>
    <phoneticPr fontId="2"/>
  </si>
  <si>
    <t>*全回答病院数から必要0採用0の病院を除いた件数</t>
    <rPh sb="1" eb="2">
      <t>ゼン</t>
    </rPh>
    <rPh sb="2" eb="4">
      <t>カイトウ</t>
    </rPh>
    <rPh sb="4" eb="6">
      <t>ビョウイン</t>
    </rPh>
    <rPh sb="6" eb="7">
      <t>スウ</t>
    </rPh>
    <rPh sb="9" eb="11">
      <t>ヒツヨウ</t>
    </rPh>
    <rPh sb="12" eb="14">
      <t>サイヨウ</t>
    </rPh>
    <rPh sb="16" eb="18">
      <t>ビョウイン</t>
    </rPh>
    <rPh sb="19" eb="20">
      <t>ノゾ</t>
    </rPh>
    <rPh sb="22" eb="24">
      <t>ケンスウ</t>
    </rPh>
    <phoneticPr fontId="1"/>
  </si>
  <si>
    <t>　*不足回答あり/人数不明</t>
    <rPh sb="2" eb="4">
      <t>フソク</t>
    </rPh>
    <rPh sb="4" eb="6">
      <t>カイトウ</t>
    </rPh>
    <rPh sb="9" eb="11">
      <t>ニンズウ</t>
    </rPh>
    <rPh sb="11" eb="13">
      <t>フメイ</t>
    </rPh>
    <phoneticPr fontId="1"/>
  </si>
  <si>
    <t>離職率　　</t>
  </si>
  <si>
    <t>離職率（％）＝退職者数/平均職員数＊100</t>
    <rPh sb="7" eb="9">
      <t>タイショク</t>
    </rPh>
    <rPh sb="9" eb="10">
      <t>シャ</t>
    </rPh>
    <rPh sb="10" eb="11">
      <t>スウ</t>
    </rPh>
    <rPh sb="12" eb="14">
      <t>ヘイキン</t>
    </rPh>
    <rPh sb="14" eb="16">
      <t>ショクイン</t>
    </rPh>
    <rPh sb="16" eb="17">
      <t>スウ</t>
    </rPh>
    <phoneticPr fontId="1"/>
  </si>
  <si>
    <t>構成比　</t>
    <phoneticPr fontId="1"/>
  </si>
  <si>
    <t>構成比　</t>
    <phoneticPr fontId="1"/>
  </si>
  <si>
    <t>構成比　</t>
    <phoneticPr fontId="1"/>
  </si>
  <si>
    <t>構成比　</t>
    <phoneticPr fontId="1"/>
  </si>
  <si>
    <t>構成比　</t>
    <phoneticPr fontId="1"/>
  </si>
  <si>
    <t>R2までに修了（人）</t>
    <rPh sb="5" eb="7">
      <t>シュウリョウ</t>
    </rPh>
    <rPh sb="8" eb="9">
      <t>ニン</t>
    </rPh>
    <phoneticPr fontId="1"/>
  </si>
  <si>
    <t>受講中（人）</t>
    <rPh sb="0" eb="3">
      <t>ジュコウチュウ</t>
    </rPh>
    <rPh sb="4" eb="5">
      <t>ニン</t>
    </rPh>
    <phoneticPr fontId="1"/>
  </si>
  <si>
    <t>確保率（％）＝採用者数/採用必要数＊100</t>
    <rPh sb="0" eb="2">
      <t>カクホ</t>
    </rPh>
    <rPh sb="7" eb="10">
      <t>サイヨウシャ</t>
    </rPh>
    <rPh sb="10" eb="11">
      <t>スウ</t>
    </rPh>
    <rPh sb="12" eb="14">
      <t>サイヨウ</t>
    </rPh>
    <rPh sb="14" eb="17">
      <t>ヒツヨウスウ</t>
    </rPh>
    <phoneticPr fontId="1"/>
  </si>
  <si>
    <t>保健師</t>
    <rPh sb="0" eb="3">
      <t>ホケンシ</t>
    </rPh>
    <phoneticPr fontId="1"/>
  </si>
  <si>
    <t>n＝142</t>
    <phoneticPr fontId="1"/>
  </si>
  <si>
    <t>離職率（％）＝年度中退職者数/採用数＊100</t>
    <rPh sb="7" eb="10">
      <t>ネンドチュウ</t>
    </rPh>
    <rPh sb="10" eb="12">
      <t>タイショク</t>
    </rPh>
    <rPh sb="12" eb="13">
      <t>シャ</t>
    </rPh>
    <rPh sb="13" eb="14">
      <t>スウ</t>
    </rPh>
    <rPh sb="15" eb="18">
      <t>サイヨウスウ</t>
    </rPh>
    <phoneticPr fontId="1"/>
  </si>
  <si>
    <t>新人*</t>
    <rPh sb="0" eb="2">
      <t>シンジン</t>
    </rPh>
    <phoneticPr fontId="1"/>
  </si>
  <si>
    <t>合計（人）</t>
    <rPh sb="0" eb="2">
      <t>ゴウケイ</t>
    </rPh>
    <rPh sb="3" eb="4">
      <t>ニン</t>
    </rPh>
    <phoneticPr fontId="1"/>
  </si>
  <si>
    <t>（４）到達目標の評価　①基本姿勢と態度</t>
    <rPh sb="3" eb="5">
      <t>トウタツ</t>
    </rPh>
    <rPh sb="5" eb="7">
      <t>モクヒョウ</t>
    </rPh>
    <rPh sb="8" eb="10">
      <t>ヒョウカ</t>
    </rPh>
    <rPh sb="12" eb="16">
      <t>キホンシセイ</t>
    </rPh>
    <rPh sb="17" eb="19">
      <t>タイド</t>
    </rPh>
    <phoneticPr fontId="1"/>
  </si>
  <si>
    <t>（４）②看護技術</t>
    <rPh sb="4" eb="6">
      <t>カンゴ</t>
    </rPh>
    <rPh sb="6" eb="8">
      <t>ギジュツ</t>
    </rPh>
    <phoneticPr fontId="1"/>
  </si>
  <si>
    <t>（４）③管理的側面</t>
    <rPh sb="4" eb="7">
      <t>カンリテキ</t>
    </rPh>
    <rPh sb="7" eb="9">
      <t>ソクメン</t>
    </rPh>
    <phoneticPr fontId="1"/>
  </si>
  <si>
    <t>（５）メンタルサポート・相談体制</t>
    <rPh sb="12" eb="14">
      <t>ソウダン</t>
    </rPh>
    <rPh sb="14" eb="16">
      <t>タイセイ</t>
    </rPh>
    <phoneticPr fontId="1"/>
  </si>
  <si>
    <t>概ねできた</t>
    <rPh sb="0" eb="1">
      <t>オオム</t>
    </rPh>
    <phoneticPr fontId="1"/>
  </si>
  <si>
    <t>できた</t>
    <phoneticPr fontId="1"/>
  </si>
  <si>
    <t>あまりできなかった</t>
    <phoneticPr fontId="1"/>
  </si>
  <si>
    <t>できなかった</t>
    <phoneticPr fontId="1"/>
  </si>
  <si>
    <t>n=137</t>
    <phoneticPr fontId="1"/>
  </si>
  <si>
    <t>n=134</t>
    <phoneticPr fontId="1"/>
  </si>
  <si>
    <t>①基本姿勢と態度</t>
    <rPh sb="1" eb="3">
      <t>キホン</t>
    </rPh>
    <rPh sb="3" eb="5">
      <t>シセイ</t>
    </rPh>
    <rPh sb="6" eb="8">
      <t>タイド</t>
    </rPh>
    <phoneticPr fontId="1"/>
  </si>
  <si>
    <t>②看護技術</t>
    <rPh sb="1" eb="3">
      <t>カンゴ</t>
    </rPh>
    <rPh sb="3" eb="5">
      <t>ギジュツ</t>
    </rPh>
    <phoneticPr fontId="1"/>
  </si>
  <si>
    <t>③管理的側面</t>
    <rPh sb="1" eb="4">
      <t>カンリテキ</t>
    </rPh>
    <rPh sb="4" eb="6">
      <t>ソクメン</t>
    </rPh>
    <phoneticPr fontId="1"/>
  </si>
  <si>
    <t>（４）のうち　2・1評価の理由</t>
    <rPh sb="10" eb="12">
      <t>ヒョウカ</t>
    </rPh>
    <rPh sb="13" eb="15">
      <t>リユウ</t>
    </rPh>
    <phoneticPr fontId="1"/>
  </si>
  <si>
    <t>（５）のうち　2・1評価の理由</t>
    <rPh sb="10" eb="12">
      <t>ヒョウカ</t>
    </rPh>
    <rPh sb="13" eb="15">
      <t>リユウ</t>
    </rPh>
    <phoneticPr fontId="1"/>
  </si>
  <si>
    <t>できた/できなかった</t>
    <phoneticPr fontId="1"/>
  </si>
  <si>
    <t>オンライン</t>
  </si>
  <si>
    <t>無回答</t>
    <rPh sb="0" eb="3">
      <t>ムカイトウ</t>
    </rPh>
    <phoneticPr fontId="2"/>
  </si>
  <si>
    <t>必要がない（療養病床・精神科等）</t>
    <rPh sb="0" eb="2">
      <t>ヒツヨウ</t>
    </rPh>
    <rPh sb="6" eb="8">
      <t>リョウヨウ</t>
    </rPh>
    <rPh sb="8" eb="10">
      <t>ビョウショウ</t>
    </rPh>
    <rPh sb="11" eb="14">
      <t>セイシンカ</t>
    </rPh>
    <rPh sb="14" eb="15">
      <t>トウ</t>
    </rPh>
    <phoneticPr fontId="1"/>
  </si>
  <si>
    <t>　１-１看護職員離職率</t>
    <rPh sb="4" eb="6">
      <t>カンゴ</t>
    </rPh>
    <rPh sb="6" eb="8">
      <t>ショクイン</t>
    </rPh>
    <rPh sb="8" eb="11">
      <t>リショクリツ</t>
    </rPh>
    <phoneticPr fontId="2"/>
  </si>
  <si>
    <t>１．看護職員等就業状況</t>
    <rPh sb="2" eb="4">
      <t>カンゴ</t>
    </rPh>
    <rPh sb="4" eb="6">
      <t>ショクイン</t>
    </rPh>
    <rPh sb="6" eb="7">
      <t>トウ</t>
    </rPh>
    <rPh sb="7" eb="9">
      <t>シュウギョウ</t>
    </rPh>
    <rPh sb="9" eb="11">
      <t>ジョウキョウ</t>
    </rPh>
    <phoneticPr fontId="2"/>
  </si>
  <si>
    <t>　１-２外国籍看護職員離職率</t>
    <rPh sb="4" eb="7">
      <t>ガイコクセキ</t>
    </rPh>
    <rPh sb="7" eb="9">
      <t>カンゴ</t>
    </rPh>
    <rPh sb="9" eb="11">
      <t>ショクイン</t>
    </rPh>
    <rPh sb="11" eb="14">
      <t>リショクリツ</t>
    </rPh>
    <phoneticPr fontId="2"/>
  </si>
  <si>
    <t>　１-３看護補助者就業状況</t>
    <rPh sb="4" eb="6">
      <t>カンゴ</t>
    </rPh>
    <rPh sb="6" eb="9">
      <t>ホジョシャ</t>
    </rPh>
    <rPh sb="9" eb="11">
      <t>シュウギョウ</t>
    </rPh>
    <rPh sb="11" eb="13">
      <t>ジョウキョウ</t>
    </rPh>
    <phoneticPr fontId="2"/>
  </si>
  <si>
    <t>（１）　病床数別離職率</t>
    <rPh sb="6" eb="7">
      <t>スウ</t>
    </rPh>
    <rPh sb="10" eb="11">
      <t>リツ</t>
    </rPh>
    <phoneticPr fontId="2"/>
  </si>
  <si>
    <t>(R2.4.1職員数＋R3.3.31職員数)/２</t>
    <rPh sb="7" eb="10">
      <t>ショクインスウ</t>
    </rPh>
    <rPh sb="18" eb="21">
      <t>ショクインスウ</t>
    </rPh>
    <phoneticPr fontId="1"/>
  </si>
  <si>
    <t>R2年度中退職者数</t>
    <rPh sb="4" eb="5">
      <t>ナカ</t>
    </rPh>
    <phoneticPr fontId="2"/>
  </si>
  <si>
    <t>R2.4.1付け採用者数</t>
    <rPh sb="6" eb="7">
      <t>ヅ</t>
    </rPh>
    <rPh sb="8" eb="10">
      <t>サイヨウ</t>
    </rPh>
    <rPh sb="10" eb="11">
      <t>シャ</t>
    </rPh>
    <rPh sb="11" eb="12">
      <t>スウ</t>
    </rPh>
    <phoneticPr fontId="1"/>
  </si>
  <si>
    <t>R2.4.2～R3.3.31までの採用者数</t>
    <rPh sb="17" eb="19">
      <t>サイヨウ</t>
    </rPh>
    <rPh sb="19" eb="20">
      <t>シャ</t>
    </rPh>
    <rPh sb="20" eb="21">
      <t>スウ</t>
    </rPh>
    <phoneticPr fontId="1"/>
  </si>
  <si>
    <t>合計（R2.4.1～R3.3.31）</t>
    <rPh sb="0" eb="2">
      <t>ゴウケイ</t>
    </rPh>
    <phoneticPr fontId="1"/>
  </si>
  <si>
    <t>R2.4.1在籍数</t>
  </si>
  <si>
    <t>－</t>
  </si>
  <si>
    <t>－</t>
    <phoneticPr fontId="1"/>
  </si>
  <si>
    <t>結果</t>
    <phoneticPr fontId="1"/>
  </si>
  <si>
    <t>退職者数</t>
    <rPh sb="0" eb="3">
      <t>タイショクシャ</t>
    </rPh>
    <rPh sb="3" eb="4">
      <t>スウ</t>
    </rPh>
    <phoneticPr fontId="1"/>
  </si>
  <si>
    <t>R2年度採用者数</t>
    <rPh sb="2" eb="4">
      <t>ネンド</t>
    </rPh>
    <rPh sb="4" eb="6">
      <t>サイヨウ</t>
    </rPh>
    <rPh sb="6" eb="7">
      <t>シャ</t>
    </rPh>
    <rPh sb="7" eb="8">
      <t>スウ</t>
    </rPh>
    <phoneticPr fontId="2"/>
  </si>
  <si>
    <t>離職率（％）＝R2年度中退職者数/採用数＊100</t>
    <rPh sb="9" eb="12">
      <t>ネンドチュウ</t>
    </rPh>
    <rPh sb="12" eb="14">
      <t>タイショク</t>
    </rPh>
    <rPh sb="14" eb="15">
      <t>シャ</t>
    </rPh>
    <rPh sb="15" eb="16">
      <t>スウ</t>
    </rPh>
    <rPh sb="17" eb="20">
      <t>サイヨウスウ</t>
    </rPh>
    <phoneticPr fontId="1"/>
  </si>
  <si>
    <t>新人離職率（％）＝R2年度中退職者数/R2年度採用数＊100</t>
    <rPh sb="0" eb="2">
      <t>シンジン</t>
    </rPh>
    <rPh sb="11" eb="13">
      <t>ネンド</t>
    </rPh>
    <rPh sb="13" eb="14">
      <t>チュウ</t>
    </rPh>
    <rPh sb="14" eb="16">
      <t>タイショク</t>
    </rPh>
    <rPh sb="16" eb="17">
      <t>シャ</t>
    </rPh>
    <rPh sb="17" eb="18">
      <t>スウ</t>
    </rPh>
    <rPh sb="21" eb="23">
      <t>ネンド</t>
    </rPh>
    <rPh sb="23" eb="26">
      <t>サイヨウスウ</t>
    </rPh>
    <phoneticPr fontId="1"/>
  </si>
  <si>
    <t>2年目以降離職率（％）＝R2年度中退職者数/R2.4.1在籍数＊100</t>
    <rPh sb="1" eb="5">
      <t>ネンメイコウ</t>
    </rPh>
    <rPh sb="14" eb="16">
      <t>ネンド</t>
    </rPh>
    <rPh sb="16" eb="17">
      <t>チュウ</t>
    </rPh>
    <rPh sb="17" eb="19">
      <t>タイショク</t>
    </rPh>
    <rPh sb="19" eb="20">
      <t>シャ</t>
    </rPh>
    <rPh sb="20" eb="21">
      <t>スウ</t>
    </rPh>
    <rPh sb="28" eb="30">
      <t>ザイセキ</t>
    </rPh>
    <rPh sb="30" eb="31">
      <t>スウ</t>
    </rPh>
    <phoneticPr fontId="1"/>
  </si>
  <si>
    <t>合　計</t>
    <phoneticPr fontId="1"/>
  </si>
  <si>
    <t>構成比</t>
    <rPh sb="0" eb="3">
      <t>コウセイヒ</t>
    </rPh>
    <phoneticPr fontId="1"/>
  </si>
  <si>
    <t>1（0）*</t>
    <phoneticPr fontId="1"/>
  </si>
  <si>
    <t>３．経験者　採用状況</t>
    <rPh sb="2" eb="5">
      <t>ケイケンシャ</t>
    </rPh>
    <rPh sb="6" eb="8">
      <t>サイヨウ</t>
    </rPh>
    <rPh sb="8" eb="10">
      <t>ジョウキョウ</t>
    </rPh>
    <phoneticPr fontId="1"/>
  </si>
  <si>
    <t>*新人は【２．新卒新採用職員　採用状況と離職率】〔全体〕常勤 再掲</t>
    <rPh sb="1" eb="3">
      <t>シンジン</t>
    </rPh>
    <rPh sb="25" eb="27">
      <t>ゼンタイ</t>
    </rPh>
    <rPh sb="28" eb="30">
      <t>ジョウキン</t>
    </rPh>
    <rPh sb="31" eb="33">
      <t>サイケイ</t>
    </rPh>
    <phoneticPr fontId="1"/>
  </si>
  <si>
    <t>４．常勤職員　経験年数別離職率</t>
    <rPh sb="2" eb="4">
      <t>ジョウキン</t>
    </rPh>
    <rPh sb="4" eb="6">
      <t>ショクイン</t>
    </rPh>
    <rPh sb="7" eb="9">
      <t>ケイケン</t>
    </rPh>
    <rPh sb="9" eb="11">
      <t>ネンスウ</t>
    </rPh>
    <rPh sb="11" eb="12">
      <t>ベツ</t>
    </rPh>
    <rPh sb="12" eb="15">
      <t>リショクリツ</t>
    </rPh>
    <phoneticPr fontId="2"/>
  </si>
  <si>
    <t>（１）-２　二次医療圏別</t>
    <rPh sb="6" eb="11">
      <t>ニジイリョウケン</t>
    </rPh>
    <rPh sb="11" eb="12">
      <t>ベツ</t>
    </rPh>
    <phoneticPr fontId="1"/>
  </si>
  <si>
    <t>７．令和３年度　採用状況</t>
    <rPh sb="2" eb="4">
      <t>レイワ</t>
    </rPh>
    <rPh sb="5" eb="7">
      <t>ネンド</t>
    </rPh>
    <rPh sb="8" eb="10">
      <t>サイヨウ</t>
    </rPh>
    <rPh sb="10" eb="12">
      <t>ジョウキョウ</t>
    </rPh>
    <phoneticPr fontId="2"/>
  </si>
  <si>
    <t>（１）-２　二次医療圏別</t>
    <rPh sb="6" eb="8">
      <t>ニジ</t>
    </rPh>
    <rPh sb="8" eb="10">
      <t>イリョウ</t>
    </rPh>
    <rPh sb="10" eb="11">
      <t>ケン</t>
    </rPh>
    <rPh sb="11" eb="12">
      <t>ベツ</t>
    </rPh>
    <phoneticPr fontId="1"/>
  </si>
  <si>
    <t>（２）-２　二次医療圏別</t>
    <rPh sb="6" eb="8">
      <t>ニジ</t>
    </rPh>
    <rPh sb="8" eb="10">
      <t>イリョウ</t>
    </rPh>
    <rPh sb="10" eb="11">
      <t>ケン</t>
    </rPh>
    <rPh sb="11" eb="12">
      <t>ベツ</t>
    </rPh>
    <phoneticPr fontId="1"/>
  </si>
  <si>
    <t>（３）-２　二次医療圏別</t>
    <rPh sb="6" eb="8">
      <t>ニジ</t>
    </rPh>
    <rPh sb="8" eb="10">
      <t>イリョウ</t>
    </rPh>
    <rPh sb="10" eb="11">
      <t>ケン</t>
    </rPh>
    <rPh sb="11" eb="12">
      <t>ベツ</t>
    </rPh>
    <phoneticPr fontId="1"/>
  </si>
  <si>
    <t>（３）-３　いない理由のうち　その他の具体的内容</t>
    <rPh sb="9" eb="11">
      <t>リユウ</t>
    </rPh>
    <rPh sb="17" eb="18">
      <t>ホカ</t>
    </rPh>
    <rPh sb="19" eb="22">
      <t>グタイテキ</t>
    </rPh>
    <rPh sb="22" eb="24">
      <t>ナイヨウ</t>
    </rPh>
    <phoneticPr fontId="2"/>
  </si>
  <si>
    <t>（２）-２　（２）-１のうち　②③外部研修の実施内容</t>
    <rPh sb="17" eb="19">
      <t>ガイブ</t>
    </rPh>
    <rPh sb="19" eb="21">
      <t>ケンシュウ</t>
    </rPh>
    <rPh sb="22" eb="24">
      <t>ジッシ</t>
    </rPh>
    <rPh sb="24" eb="26">
      <t>ナイヨウ</t>
    </rPh>
    <phoneticPr fontId="1"/>
  </si>
  <si>
    <t>（１）-１　特定行為研修の修了者等　病床数別</t>
    <rPh sb="6" eb="8">
      <t>トクテイ</t>
    </rPh>
    <rPh sb="8" eb="10">
      <t>コウイ</t>
    </rPh>
    <rPh sb="10" eb="12">
      <t>ケンシュウ</t>
    </rPh>
    <rPh sb="13" eb="16">
      <t>シュウリョウシャ</t>
    </rPh>
    <rPh sb="16" eb="17">
      <t>トウ</t>
    </rPh>
    <rPh sb="18" eb="21">
      <t>ビョウショウスウ</t>
    </rPh>
    <rPh sb="21" eb="22">
      <t>ベツ</t>
    </rPh>
    <phoneticPr fontId="2"/>
  </si>
  <si>
    <t>（２）-１　受講経費補助の使用予定
病床数別</t>
    <rPh sb="6" eb="8">
      <t>ジュコウ</t>
    </rPh>
    <rPh sb="8" eb="10">
      <t>ケイヒ</t>
    </rPh>
    <rPh sb="10" eb="12">
      <t>ホジョ</t>
    </rPh>
    <rPh sb="13" eb="15">
      <t>シヨウ</t>
    </rPh>
    <rPh sb="15" eb="17">
      <t>ヨテイ</t>
    </rPh>
    <rPh sb="18" eb="21">
      <t>ビョウショウスウ</t>
    </rPh>
    <rPh sb="21" eb="22">
      <t>ベツ</t>
    </rPh>
    <phoneticPr fontId="2"/>
  </si>
  <si>
    <t>（３）-１　修了者・受講中等の方がいない理由
病床数別</t>
    <rPh sb="6" eb="9">
      <t>シュウリョウシャ</t>
    </rPh>
    <rPh sb="10" eb="13">
      <t>ジュコウチュウ</t>
    </rPh>
    <rPh sb="13" eb="14">
      <t>トウ</t>
    </rPh>
    <rPh sb="15" eb="16">
      <t>カタ</t>
    </rPh>
    <rPh sb="20" eb="22">
      <t>リユウ</t>
    </rPh>
    <rPh sb="23" eb="26">
      <t>ビョウショウスウ</t>
    </rPh>
    <rPh sb="26" eb="27">
      <t>ベツ</t>
    </rPh>
    <phoneticPr fontId="2"/>
  </si>
  <si>
    <t>（４）　研修修了者の特定行為区分別人数</t>
    <rPh sb="4" eb="6">
      <t>ケンシュウ</t>
    </rPh>
    <rPh sb="6" eb="9">
      <t>シュウリョウシャ</t>
    </rPh>
    <rPh sb="10" eb="12">
      <t>トクテイ</t>
    </rPh>
    <rPh sb="12" eb="14">
      <t>コウイ</t>
    </rPh>
    <rPh sb="14" eb="16">
      <t>クブン</t>
    </rPh>
    <rPh sb="16" eb="17">
      <t>ベツ</t>
    </rPh>
    <rPh sb="17" eb="19">
      <t>ニンズウ</t>
    </rPh>
    <phoneticPr fontId="2"/>
  </si>
  <si>
    <t>（１）-１　採用状況　病床数別</t>
    <rPh sb="6" eb="8">
      <t>サイヨウ</t>
    </rPh>
    <rPh sb="8" eb="10">
      <t>ジョウキョウ</t>
    </rPh>
    <rPh sb="11" eb="14">
      <t>ビョウショウスウ</t>
    </rPh>
    <rPh sb="14" eb="15">
      <t>ベツ</t>
    </rPh>
    <phoneticPr fontId="2"/>
  </si>
  <si>
    <t>（２）-１　研修実施状況</t>
    <rPh sb="6" eb="8">
      <t>ケンシュウ</t>
    </rPh>
    <rPh sb="8" eb="10">
      <t>ジッシ</t>
    </rPh>
    <rPh sb="10" eb="12">
      <t>ジョウキョウ</t>
    </rPh>
    <phoneticPr fontId="2"/>
  </si>
  <si>
    <t>（３）-１　前年と比較した実施状況</t>
    <rPh sb="6" eb="8">
      <t>ゼンネン</t>
    </rPh>
    <rPh sb="9" eb="11">
      <t>ヒカク</t>
    </rPh>
    <rPh sb="13" eb="15">
      <t>ジッシ</t>
    </rPh>
    <rPh sb="15" eb="17">
      <t>ジョウキョウ</t>
    </rPh>
    <phoneticPr fontId="1"/>
  </si>
  <si>
    <t>（３）-２　（３）-１のうち　その他・コメント</t>
    <rPh sb="17" eb="18">
      <t>ホカ</t>
    </rPh>
    <phoneticPr fontId="1"/>
  </si>
  <si>
    <t>（２）-３　（２）-１のうち　④実施していない理由</t>
    <rPh sb="16" eb="18">
      <t>ジッシ</t>
    </rPh>
    <rPh sb="23" eb="25">
      <t>リユウ</t>
    </rPh>
    <phoneticPr fontId="1"/>
  </si>
  <si>
    <t>（２）-２　　（２）-１のうち「県内に就職が決まっている」(n=877)の内訳</t>
    <rPh sb="16" eb="18">
      <t>ケンナイ</t>
    </rPh>
    <rPh sb="19" eb="21">
      <t>シュウショク</t>
    </rPh>
    <rPh sb="22" eb="23">
      <t>キ</t>
    </rPh>
    <rPh sb="37" eb="39">
      <t>ウチワケ</t>
    </rPh>
    <phoneticPr fontId="1"/>
  </si>
  <si>
    <t>（２）-１　病床数別 退職後の進路（人数）</t>
    <rPh sb="6" eb="9">
      <t>ビョウショウスウ</t>
    </rPh>
    <rPh sb="9" eb="10">
      <t>ベツ</t>
    </rPh>
    <rPh sb="11" eb="14">
      <t>タイショクゴ</t>
    </rPh>
    <rPh sb="15" eb="17">
      <t>シンロ</t>
    </rPh>
    <rPh sb="18" eb="20">
      <t>ニンズウ</t>
    </rPh>
    <phoneticPr fontId="2"/>
  </si>
  <si>
    <t>Ⅱ</t>
    <phoneticPr fontId="1"/>
  </si>
  <si>
    <t>病床数</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0%"/>
    <numFmt numFmtId="177" formatCode="#,##0.0;[Red]\-#,##0.0"/>
    <numFmt numFmtId="178" formatCode="#,##0_);[Red]\(#,##0\)"/>
    <numFmt numFmtId="179" formatCode="0_);[Red]\(0\)"/>
    <numFmt numFmtId="180" formatCode="0.00_);[Red]\(0.00\)"/>
    <numFmt numFmtId="181" formatCode="#,##0.00_);[Red]\(#,##0.00\)"/>
  </numFmts>
  <fonts count="21" x14ac:knownFonts="1">
    <font>
      <sz val="12"/>
      <color theme="1"/>
      <name val="ＭＳ 明朝"/>
      <family val="2"/>
      <charset val="128"/>
    </font>
    <font>
      <sz val="6"/>
      <name val="ＭＳ 明朝"/>
      <family val="2"/>
      <charset val="128"/>
    </font>
    <font>
      <sz val="6"/>
      <name val="ＭＳ Ｐゴシック"/>
      <family val="3"/>
      <charset val="128"/>
    </font>
    <font>
      <sz val="11"/>
      <name val="ＭＳ Ｐゴシック"/>
      <family val="3"/>
      <charset val="128"/>
    </font>
    <font>
      <sz val="12"/>
      <color theme="1"/>
      <name val="ＭＳ 明朝"/>
      <family val="2"/>
      <charset val="128"/>
    </font>
    <font>
      <sz val="12"/>
      <name val="ＭＳ Ｐゴシック"/>
      <family val="3"/>
      <charset val="128"/>
      <scheme val="minor"/>
    </font>
    <font>
      <b/>
      <sz val="12"/>
      <color theme="1"/>
      <name val="ＭＳ 明朝"/>
      <family val="2"/>
      <charset val="128"/>
    </font>
    <font>
      <sz val="9"/>
      <name val="ＭＳ Ｐゴシック"/>
      <family val="3"/>
      <charset val="128"/>
      <scheme val="minor"/>
    </font>
    <font>
      <b/>
      <sz val="12"/>
      <name val="ＭＳ Ｐ明朝"/>
      <family val="1"/>
      <charset val="128"/>
    </font>
    <font>
      <sz val="12"/>
      <name val="ＭＳ Ｐ明朝"/>
      <family val="1"/>
      <charset val="128"/>
    </font>
    <font>
      <sz val="12"/>
      <color theme="1"/>
      <name val="ＭＳ Ｐ明朝"/>
      <family val="1"/>
      <charset val="128"/>
    </font>
    <font>
      <b/>
      <sz val="12"/>
      <color rgb="FFFF0000"/>
      <name val="ＭＳ Ｐ明朝"/>
      <family val="1"/>
      <charset val="128"/>
    </font>
    <font>
      <sz val="10"/>
      <name val="ＭＳ Ｐ明朝"/>
      <family val="1"/>
      <charset val="128"/>
    </font>
    <font>
      <sz val="6"/>
      <name val="ＭＳ 明朝"/>
      <family val="1"/>
      <charset val="128"/>
    </font>
    <font>
      <b/>
      <sz val="14"/>
      <name val="ＭＳ Ｐ明朝"/>
      <family val="1"/>
      <charset val="128"/>
    </font>
    <font>
      <sz val="9"/>
      <name val="ＭＳ Ｐゴシック"/>
      <family val="3"/>
      <charset val="128"/>
    </font>
    <font>
      <sz val="10"/>
      <color theme="1"/>
      <name val="ＭＳ Ｐ明朝"/>
      <family val="1"/>
      <charset val="128"/>
    </font>
    <font>
      <sz val="9"/>
      <name val="ＭＳ Ｐ明朝"/>
      <family val="1"/>
      <charset val="128"/>
    </font>
    <font>
      <sz val="8"/>
      <name val="ＭＳ Ｐ明朝"/>
      <family val="1"/>
      <charset val="128"/>
    </font>
    <font>
      <sz val="11"/>
      <name val="ＭＳ Ｐ明朝"/>
      <family val="1"/>
      <charset val="128"/>
    </font>
    <font>
      <sz val="9"/>
      <color rgb="FFFF0000"/>
      <name val="ＭＳ Ｐ明朝"/>
      <family val="1"/>
      <charset val="128"/>
    </font>
  </fonts>
  <fills count="5">
    <fill>
      <patternFill patternType="none"/>
    </fill>
    <fill>
      <patternFill patternType="gray125"/>
    </fill>
    <fill>
      <patternFill patternType="solid">
        <fgColor theme="0"/>
        <bgColor indexed="64"/>
      </patternFill>
    </fill>
    <fill>
      <patternFill patternType="solid">
        <fgColor theme="4" tint="0.59996337778862885"/>
        <bgColor indexed="64"/>
      </patternFill>
    </fill>
    <fill>
      <patternFill patternType="solid">
        <fgColor theme="0" tint="-0.249977111117893"/>
        <bgColor indexed="64"/>
      </patternFill>
    </fill>
  </fills>
  <borders count="127">
    <border>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right style="thin">
        <color indexed="64"/>
      </right>
      <top style="thin">
        <color indexed="64"/>
      </top>
      <bottom/>
      <diagonal/>
    </border>
    <border>
      <left style="medium">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medium">
        <color indexed="64"/>
      </left>
      <right style="medium">
        <color indexed="64"/>
      </right>
      <top style="medium">
        <color indexed="64"/>
      </top>
      <bottom style="double">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auto="1"/>
      </bottom>
      <diagonal/>
    </border>
    <border>
      <left style="medium">
        <color indexed="64"/>
      </left>
      <right style="medium">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auto="1"/>
      </bottom>
      <diagonal/>
    </border>
    <border>
      <left style="medium">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double">
        <color indexed="64"/>
      </bottom>
      <diagonal/>
    </border>
    <border>
      <left style="thin">
        <color indexed="64"/>
      </left>
      <right style="medium">
        <color indexed="64"/>
      </right>
      <top style="thin">
        <color indexed="64"/>
      </top>
      <bottom style="double">
        <color indexed="64"/>
      </bottom>
      <diagonal/>
    </border>
    <border>
      <left style="medium">
        <color indexed="64"/>
      </left>
      <right style="medium">
        <color indexed="64"/>
      </right>
      <top style="thin">
        <color indexed="64"/>
      </top>
      <bottom style="double">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double">
        <color indexed="64"/>
      </top>
      <bottom style="medium">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medium">
        <color indexed="64"/>
      </right>
      <top style="double">
        <color indexed="64"/>
      </top>
      <bottom style="thin">
        <color auto="1"/>
      </bottom>
      <diagonal/>
    </border>
    <border>
      <left style="medium">
        <color indexed="64"/>
      </left>
      <right style="thin">
        <color indexed="64"/>
      </right>
      <top style="double">
        <color indexed="64"/>
      </top>
      <bottom style="medium">
        <color indexed="64"/>
      </bottom>
      <diagonal/>
    </border>
    <border>
      <left/>
      <right style="thin">
        <color indexed="64"/>
      </right>
      <top style="double">
        <color indexed="64"/>
      </top>
      <bottom style="medium">
        <color indexed="64"/>
      </bottom>
      <diagonal/>
    </border>
    <border>
      <left style="thin">
        <color indexed="64"/>
      </left>
      <right style="thin">
        <color indexed="64"/>
      </right>
      <top style="double">
        <color indexed="64"/>
      </top>
      <bottom style="medium">
        <color indexed="64"/>
      </bottom>
      <diagonal/>
    </border>
    <border>
      <left style="thin">
        <color indexed="64"/>
      </left>
      <right style="medium">
        <color indexed="64"/>
      </right>
      <top style="double">
        <color indexed="64"/>
      </top>
      <bottom style="medium">
        <color indexed="64"/>
      </bottom>
      <diagonal/>
    </border>
    <border>
      <left style="thin">
        <color theme="4"/>
      </left>
      <right style="thin">
        <color theme="4"/>
      </right>
      <top style="thin">
        <color theme="4"/>
      </top>
      <bottom style="double">
        <color theme="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double">
        <color indexed="64"/>
      </top>
      <bottom style="thin">
        <color indexed="64"/>
      </bottom>
      <diagonal/>
    </border>
    <border>
      <left/>
      <right style="thin">
        <color indexed="64"/>
      </right>
      <top style="thin">
        <color indexed="64"/>
      </top>
      <bottom style="double">
        <color indexed="64"/>
      </bottom>
      <diagonal/>
    </border>
    <border>
      <left/>
      <right style="thin">
        <color indexed="64"/>
      </right>
      <top/>
      <bottom style="medium">
        <color indexed="64"/>
      </bottom>
      <diagonal/>
    </border>
    <border>
      <left/>
      <right/>
      <top/>
      <bottom style="thin">
        <color indexed="64"/>
      </bottom>
      <diagonal/>
    </border>
    <border>
      <left/>
      <right/>
      <top style="thin">
        <color indexed="64"/>
      </top>
      <bottom/>
      <diagonal/>
    </border>
    <border>
      <left style="thin">
        <color indexed="64"/>
      </left>
      <right style="thin">
        <color indexed="64"/>
      </right>
      <top style="double">
        <color indexed="64"/>
      </top>
      <bottom style="thin">
        <color indexed="64"/>
      </bottom>
      <diagonal/>
    </border>
    <border>
      <left style="medium">
        <color indexed="64"/>
      </left>
      <right/>
      <top style="medium">
        <color indexed="64"/>
      </top>
      <bottom style="double">
        <color indexed="64"/>
      </bottom>
      <diagonal/>
    </border>
    <border>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top style="medium">
        <color indexed="64"/>
      </top>
      <bottom style="double">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style="double">
        <color indexed="64"/>
      </bottom>
      <diagonal/>
    </border>
    <border>
      <left style="thin">
        <color indexed="64"/>
      </left>
      <right style="medium">
        <color indexed="64"/>
      </right>
      <top style="thin">
        <color indexed="64"/>
      </top>
      <bottom/>
      <diagonal/>
    </border>
    <border>
      <left style="thin">
        <color indexed="64"/>
      </left>
      <right/>
      <top style="thin">
        <color indexed="64"/>
      </top>
      <bottom style="double">
        <color indexed="64"/>
      </bottom>
      <diagonal/>
    </border>
    <border>
      <left style="medium">
        <color indexed="64"/>
      </left>
      <right/>
      <top/>
      <bottom style="medium">
        <color indexed="64"/>
      </bottom>
      <diagonal/>
    </border>
    <border>
      <left/>
      <right/>
      <top style="medium">
        <color indexed="64"/>
      </top>
      <bottom style="double">
        <color indexed="64"/>
      </bottom>
      <diagonal/>
    </border>
    <border>
      <left style="thin">
        <color indexed="64"/>
      </left>
      <right style="double">
        <color indexed="64"/>
      </right>
      <top style="medium">
        <color indexed="64"/>
      </top>
      <bottom style="double">
        <color indexed="64"/>
      </bottom>
      <diagonal/>
    </border>
    <border>
      <left/>
      <right style="medium">
        <color indexed="64"/>
      </right>
      <top style="medium">
        <color indexed="64"/>
      </top>
      <bottom style="double">
        <color indexed="64"/>
      </bottom>
      <diagonal/>
    </border>
    <border>
      <left style="thin">
        <color indexed="64"/>
      </left>
      <right style="double">
        <color indexed="64"/>
      </right>
      <top style="double">
        <color indexed="64"/>
      </top>
      <bottom style="thin">
        <color indexed="64"/>
      </bottom>
      <diagonal/>
    </border>
    <border>
      <left/>
      <right style="medium">
        <color indexed="64"/>
      </right>
      <top/>
      <bottom style="thin">
        <color indexed="64"/>
      </bottom>
      <diagonal/>
    </border>
    <border>
      <left style="thin">
        <color indexed="64"/>
      </left>
      <right style="double">
        <color indexed="64"/>
      </right>
      <top/>
      <bottom style="thin">
        <color indexed="64"/>
      </bottom>
      <diagonal/>
    </border>
    <border>
      <left style="thin">
        <color indexed="64"/>
      </left>
      <right style="double">
        <color indexed="64"/>
      </right>
      <top style="thin">
        <color indexed="64"/>
      </top>
      <bottom style="thin">
        <color indexed="64"/>
      </bottom>
      <diagonal/>
    </border>
    <border>
      <left/>
      <right style="medium">
        <color indexed="64"/>
      </right>
      <top style="thin">
        <color indexed="64"/>
      </top>
      <bottom style="thin">
        <color auto="1"/>
      </bottom>
      <diagonal/>
    </border>
    <border>
      <left style="thin">
        <color indexed="64"/>
      </left>
      <right style="double">
        <color indexed="64"/>
      </right>
      <top style="thin">
        <color indexed="64"/>
      </top>
      <bottom style="double">
        <color indexed="64"/>
      </bottom>
      <diagonal/>
    </border>
    <border>
      <left/>
      <right style="medium">
        <color indexed="64"/>
      </right>
      <top style="thin">
        <color indexed="64"/>
      </top>
      <bottom style="double">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top style="double">
        <color indexed="64"/>
      </top>
      <bottom style="medium">
        <color indexed="64"/>
      </bottom>
      <diagonal/>
    </border>
    <border>
      <left style="thin">
        <color indexed="64"/>
      </left>
      <right style="medium">
        <color indexed="64"/>
      </right>
      <top/>
      <bottom/>
      <diagonal/>
    </border>
    <border>
      <left style="medium">
        <color indexed="64"/>
      </left>
      <right/>
      <top/>
      <bottom/>
      <diagonal/>
    </border>
    <border>
      <left style="thin">
        <color indexed="64"/>
      </left>
      <right style="medium">
        <color indexed="64"/>
      </right>
      <top style="double">
        <color indexed="64"/>
      </top>
      <bottom/>
      <diagonal/>
    </border>
    <border>
      <left/>
      <right style="thin">
        <color indexed="64"/>
      </right>
      <top style="double">
        <color indexed="64"/>
      </top>
      <bottom/>
      <diagonal/>
    </border>
    <border>
      <left style="medium">
        <color indexed="64"/>
      </left>
      <right/>
      <top style="double">
        <color indexed="64"/>
      </top>
      <bottom style="medium">
        <color indexed="64"/>
      </bottom>
      <diagonal/>
    </border>
    <border>
      <left/>
      <right style="medium">
        <color indexed="64"/>
      </right>
      <top style="double">
        <color indexed="64"/>
      </top>
      <bottom style="medium">
        <color indexed="64"/>
      </bottom>
      <diagonal/>
    </border>
    <border>
      <left style="medium">
        <color indexed="64"/>
      </left>
      <right/>
      <top style="double">
        <color indexed="64"/>
      </top>
      <bottom style="thin">
        <color indexed="64"/>
      </bottom>
      <diagonal/>
    </border>
    <border>
      <left/>
      <right/>
      <top style="thin">
        <color indexed="64"/>
      </top>
      <bottom style="double">
        <color indexed="64"/>
      </bottom>
      <diagonal/>
    </border>
    <border>
      <left/>
      <right/>
      <top style="double">
        <color indexed="64"/>
      </top>
      <bottom style="medium">
        <color indexed="64"/>
      </bottom>
      <diagonal/>
    </border>
    <border>
      <left style="medium">
        <color indexed="64"/>
      </left>
      <right/>
      <top style="thin">
        <color indexed="64"/>
      </top>
      <bottom/>
      <diagonal/>
    </border>
    <border>
      <left/>
      <right/>
      <top style="thin">
        <color indexed="64"/>
      </top>
      <bottom style="thin">
        <color indexed="64"/>
      </bottom>
      <diagonal/>
    </border>
    <border>
      <left/>
      <right/>
      <top style="double">
        <color indexed="64"/>
      </top>
      <bottom/>
      <diagonal/>
    </border>
    <border>
      <left style="medium">
        <color indexed="64"/>
      </left>
      <right/>
      <top style="double">
        <color indexed="64"/>
      </top>
      <bottom/>
      <diagonal/>
    </border>
    <border>
      <left style="thin">
        <color auto="1"/>
      </left>
      <right style="thin">
        <color auto="1"/>
      </right>
      <top style="thin">
        <color auto="1"/>
      </top>
      <bottom style="medium">
        <color auto="1"/>
      </bottom>
      <diagonal/>
    </border>
    <border>
      <left/>
      <right style="medium">
        <color indexed="64"/>
      </right>
      <top style="thin">
        <color indexed="64"/>
      </top>
      <bottom/>
      <diagonal/>
    </border>
    <border>
      <left style="double">
        <color indexed="64"/>
      </left>
      <right style="medium">
        <color indexed="64"/>
      </right>
      <top style="medium">
        <color indexed="64"/>
      </top>
      <bottom style="double">
        <color indexed="64"/>
      </bottom>
      <diagonal/>
    </border>
    <border>
      <left style="double">
        <color indexed="64"/>
      </left>
      <right style="medium">
        <color indexed="64"/>
      </right>
      <top/>
      <bottom style="thin">
        <color auto="1"/>
      </bottom>
      <diagonal/>
    </border>
    <border>
      <left style="double">
        <color indexed="64"/>
      </left>
      <right style="medium">
        <color indexed="64"/>
      </right>
      <top style="thin">
        <color indexed="64"/>
      </top>
      <bottom style="thin">
        <color auto="1"/>
      </bottom>
      <diagonal/>
    </border>
    <border>
      <left style="double">
        <color indexed="64"/>
      </left>
      <right style="medium">
        <color indexed="64"/>
      </right>
      <top style="double">
        <color indexed="64"/>
      </top>
      <bottom style="double">
        <color indexed="64"/>
      </bottom>
      <diagonal/>
    </border>
    <border>
      <left style="double">
        <color indexed="64"/>
      </left>
      <right style="medium">
        <color indexed="64"/>
      </right>
      <top style="double">
        <color indexed="64"/>
      </top>
      <bottom style="medium">
        <color indexed="64"/>
      </bottom>
      <diagonal/>
    </border>
    <border>
      <left style="double">
        <color indexed="64"/>
      </left>
      <right style="medium">
        <color indexed="64"/>
      </right>
      <top style="double">
        <color indexed="64"/>
      </top>
      <bottom/>
      <diagonal/>
    </border>
    <border>
      <left style="double">
        <color indexed="64"/>
      </left>
      <right style="medium">
        <color indexed="64"/>
      </right>
      <top style="thin">
        <color indexed="64"/>
      </top>
      <bottom style="double">
        <color indexed="64"/>
      </bottom>
      <diagonal/>
    </border>
    <border>
      <left style="medium">
        <color auto="1"/>
      </left>
      <right style="thin">
        <color auto="1"/>
      </right>
      <top style="thin">
        <color auto="1"/>
      </top>
      <bottom/>
      <diagonal/>
    </border>
    <border>
      <left style="medium">
        <color indexed="64"/>
      </left>
      <right style="thin">
        <color indexed="64"/>
      </right>
      <top/>
      <bottom style="double">
        <color indexed="64"/>
      </bottom>
      <diagonal/>
    </border>
    <border>
      <left/>
      <right style="medium">
        <color indexed="64"/>
      </right>
      <top style="double">
        <color indexed="64"/>
      </top>
      <bottom/>
      <diagonal/>
    </border>
    <border>
      <left style="double">
        <color indexed="64"/>
      </left>
      <right style="medium">
        <color indexed="64"/>
      </right>
      <top style="medium">
        <color indexed="64"/>
      </top>
      <bottom/>
      <diagonal/>
    </border>
    <border>
      <left/>
      <right style="medium">
        <color indexed="64"/>
      </right>
      <top/>
      <bottom/>
      <diagonal/>
    </border>
    <border>
      <left style="thin">
        <color indexed="64"/>
      </left>
      <right style="thin">
        <color indexed="64"/>
      </right>
      <top/>
      <bottom style="medium">
        <color indexed="64"/>
      </bottom>
      <diagonal/>
    </border>
    <border>
      <left style="thin">
        <color indexed="64"/>
      </left>
      <right/>
      <top style="medium">
        <color indexed="64"/>
      </top>
      <bottom style="medium">
        <color indexed="64"/>
      </bottom>
      <diagonal/>
    </border>
    <border>
      <left/>
      <right/>
      <top style="medium">
        <color auto="1"/>
      </top>
      <bottom/>
      <diagonal/>
    </border>
    <border>
      <left/>
      <right style="medium">
        <color indexed="64"/>
      </right>
      <top/>
      <bottom style="medium">
        <color indexed="64"/>
      </bottom>
      <diagonal/>
    </border>
    <border diagonalUp="1">
      <left style="thin">
        <color indexed="64"/>
      </left>
      <right style="medium">
        <color indexed="64"/>
      </right>
      <top style="double">
        <color indexed="64"/>
      </top>
      <bottom style="medium">
        <color indexed="64"/>
      </bottom>
      <diagonal style="thin">
        <color indexed="64"/>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double">
        <color indexed="64"/>
      </bottom>
      <diagonal/>
    </border>
    <border>
      <left/>
      <right style="medium">
        <color indexed="64"/>
      </right>
      <top/>
      <bottom style="double">
        <color indexed="64"/>
      </bottom>
      <diagonal/>
    </border>
    <border>
      <left style="thin">
        <color indexed="64"/>
      </left>
      <right style="thin">
        <color indexed="64"/>
      </right>
      <top/>
      <bottom style="double">
        <color indexed="64"/>
      </bottom>
      <diagonal/>
    </border>
    <border>
      <left style="thin">
        <color indexed="64"/>
      </left>
      <right/>
      <top style="medium">
        <color indexed="64"/>
      </top>
      <bottom/>
      <diagonal/>
    </border>
    <border>
      <left style="thin">
        <color indexed="64"/>
      </left>
      <right/>
      <top/>
      <bottom style="double">
        <color indexed="64"/>
      </bottom>
      <diagonal/>
    </border>
    <border>
      <left style="thin">
        <color indexed="64"/>
      </left>
      <right style="thin">
        <color indexed="64"/>
      </right>
      <top style="medium">
        <color indexed="64"/>
      </top>
      <bottom/>
      <diagonal/>
    </border>
    <border>
      <left style="thin">
        <color indexed="64"/>
      </left>
      <right style="double">
        <color indexed="64"/>
      </right>
      <top/>
      <bottom style="double">
        <color indexed="64"/>
      </bottom>
      <diagonal/>
    </border>
    <border>
      <left style="thin">
        <color indexed="64"/>
      </left>
      <right style="double">
        <color indexed="64"/>
      </right>
      <top/>
      <bottom style="medium">
        <color indexed="64"/>
      </bottom>
      <diagonal/>
    </border>
    <border>
      <left style="double">
        <color indexed="64"/>
      </left>
      <right style="medium">
        <color indexed="64"/>
      </right>
      <top/>
      <bottom style="double">
        <color indexed="64"/>
      </bottom>
      <diagonal/>
    </border>
    <border>
      <left style="thin">
        <color indexed="64"/>
      </left>
      <right style="medium">
        <color indexed="64"/>
      </right>
      <top style="medium">
        <color indexed="64"/>
      </top>
      <bottom style="medium">
        <color indexed="64"/>
      </bottom>
      <diagonal/>
    </border>
    <border>
      <left style="thin">
        <color indexed="64"/>
      </left>
      <right/>
      <top style="thin">
        <color indexed="64"/>
      </top>
      <bottom style="medium">
        <color indexed="64"/>
      </bottom>
      <diagonal/>
    </border>
    <border>
      <left/>
      <right/>
      <top/>
      <bottom style="double">
        <color indexed="64"/>
      </bottom>
      <diagonal/>
    </border>
    <border>
      <left style="thin">
        <color indexed="64"/>
      </left>
      <right/>
      <top/>
      <bottom style="medium">
        <color indexed="64"/>
      </bottom>
      <diagonal/>
    </border>
    <border>
      <left/>
      <right style="thin">
        <color indexed="64"/>
      </right>
      <top/>
      <bottom style="double">
        <color indexed="64"/>
      </bottom>
      <diagonal/>
    </border>
    <border>
      <left style="thin">
        <color indexed="64"/>
      </left>
      <right style="medium">
        <color indexed="64"/>
      </right>
      <top style="thin">
        <color indexed="64"/>
      </top>
      <bottom style="medium">
        <color indexed="64"/>
      </bottom>
      <diagonal/>
    </border>
    <border>
      <left/>
      <right/>
      <top/>
      <bottom style="medium">
        <color indexed="64"/>
      </bottom>
      <diagonal/>
    </border>
    <border>
      <left style="double">
        <color indexed="64"/>
      </left>
      <right style="medium">
        <color indexed="64"/>
      </right>
      <top style="double">
        <color indexed="64"/>
      </top>
      <bottom style="thin">
        <color auto="1"/>
      </bottom>
      <diagonal/>
    </border>
    <border>
      <left style="double">
        <color indexed="64"/>
      </left>
      <right style="medium">
        <color indexed="64"/>
      </right>
      <top style="thin">
        <color indexed="64"/>
      </top>
      <bottom/>
      <diagonal/>
    </border>
    <border>
      <left/>
      <right style="thin">
        <color indexed="64"/>
      </right>
      <top style="thin">
        <color indexed="64"/>
      </top>
      <bottom style="medium">
        <color indexed="64"/>
      </bottom>
      <diagonal/>
    </border>
    <border>
      <left style="medium">
        <color indexed="64"/>
      </left>
      <right style="thin">
        <color indexed="64"/>
      </right>
      <top style="double">
        <color indexed="64"/>
      </top>
      <bottom/>
      <diagonal/>
    </border>
    <border>
      <left style="medium">
        <color indexed="64"/>
      </left>
      <right style="medium">
        <color indexed="64"/>
      </right>
      <top style="thin">
        <color indexed="64"/>
      </top>
      <bottom/>
      <diagonal/>
    </border>
  </borders>
  <cellStyleXfs count="10">
    <xf numFmtId="0" fontId="0" fillId="0" borderId="0">
      <alignment vertical="center"/>
    </xf>
    <xf numFmtId="0" fontId="3" fillId="0" borderId="0">
      <alignment vertical="center"/>
    </xf>
    <xf numFmtId="38" fontId="4" fillId="0" borderId="0" applyFont="0" applyFill="0" applyBorder="0" applyAlignment="0" applyProtection="0">
      <alignment vertical="center"/>
    </xf>
    <xf numFmtId="9" fontId="4" fillId="0" borderId="0" applyFont="0" applyFill="0" applyBorder="0" applyAlignment="0" applyProtection="0">
      <alignment vertical="center"/>
    </xf>
    <xf numFmtId="0" fontId="6" fillId="3" borderId="38" applyAlignment="0">
      <alignment vertical="center"/>
    </xf>
    <xf numFmtId="0" fontId="6" fillId="0" borderId="38" applyAlignment="0">
      <alignment vertical="center"/>
    </xf>
    <xf numFmtId="0" fontId="4" fillId="0" borderId="0">
      <alignment vertical="center"/>
    </xf>
    <xf numFmtId="9" fontId="3" fillId="0" borderId="0" applyFont="0" applyFill="0" applyBorder="0" applyAlignment="0" applyProtection="0">
      <alignment vertical="center"/>
    </xf>
    <xf numFmtId="0" fontId="3" fillId="0" borderId="0">
      <alignment vertical="center"/>
    </xf>
    <xf numFmtId="0" fontId="3" fillId="0" borderId="0"/>
  </cellStyleXfs>
  <cellXfs count="770">
    <xf numFmtId="0" fontId="0" fillId="0" borderId="0" xfId="0">
      <alignment vertical="center"/>
    </xf>
    <xf numFmtId="0" fontId="5" fillId="0" borderId="0" xfId="0" applyFont="1" applyBorder="1" applyAlignment="1">
      <alignment horizontal="left" vertical="center"/>
    </xf>
    <xf numFmtId="0" fontId="9" fillId="0" borderId="0" xfId="0" applyFont="1">
      <alignment vertical="center"/>
    </xf>
    <xf numFmtId="11" fontId="9" fillId="0" borderId="0" xfId="0" applyNumberFormat="1" applyFont="1">
      <alignment vertical="center"/>
    </xf>
    <xf numFmtId="0" fontId="8" fillId="0" borderId="0" xfId="0" applyFont="1" applyAlignment="1">
      <alignment horizontal="center" vertical="center"/>
    </xf>
    <xf numFmtId="0" fontId="9" fillId="0" borderId="0" xfId="0" applyFont="1" applyAlignment="1">
      <alignment horizontal="center" vertical="center"/>
    </xf>
    <xf numFmtId="0" fontId="9" fillId="2" borderId="0" xfId="0" applyFont="1" applyFill="1" applyAlignment="1">
      <alignment horizontal="left" vertical="center"/>
    </xf>
    <xf numFmtId="0" fontId="9" fillId="0" borderId="19" xfId="0" applyFont="1" applyBorder="1" applyAlignment="1">
      <alignment horizontal="center" vertical="center" wrapText="1"/>
    </xf>
    <xf numFmtId="0" fontId="9" fillId="0" borderId="32" xfId="0" applyFont="1" applyBorder="1" applyAlignment="1">
      <alignment horizontal="center" vertical="center" wrapText="1"/>
    </xf>
    <xf numFmtId="0" fontId="9" fillId="0" borderId="20" xfId="0" applyFont="1" applyBorder="1" applyAlignment="1">
      <alignment horizontal="center" vertical="center" wrapText="1"/>
    </xf>
    <xf numFmtId="0" fontId="9" fillId="2" borderId="15" xfId="0" applyFont="1" applyFill="1" applyBorder="1" applyAlignment="1">
      <alignment horizontal="center" vertical="center"/>
    </xf>
    <xf numFmtId="38" fontId="9" fillId="2" borderId="13" xfId="2" applyFont="1" applyFill="1" applyBorder="1">
      <alignment vertical="center"/>
    </xf>
    <xf numFmtId="38" fontId="9" fillId="2" borderId="1" xfId="2" applyFont="1" applyFill="1" applyBorder="1">
      <alignment vertical="center"/>
    </xf>
    <xf numFmtId="177" fontId="9" fillId="2" borderId="1" xfId="2" applyNumberFormat="1" applyFont="1" applyFill="1" applyBorder="1">
      <alignment vertical="center"/>
    </xf>
    <xf numFmtId="176" fontId="9" fillId="2" borderId="14" xfId="3" applyNumberFormat="1" applyFont="1" applyFill="1" applyBorder="1">
      <alignment vertical="center"/>
    </xf>
    <xf numFmtId="176" fontId="9" fillId="2" borderId="33" xfId="3" applyNumberFormat="1" applyFont="1" applyFill="1" applyBorder="1">
      <alignment vertical="center"/>
    </xf>
    <xf numFmtId="0" fontId="9" fillId="2" borderId="0" xfId="0" applyFont="1" applyFill="1">
      <alignment vertical="center"/>
    </xf>
    <xf numFmtId="0" fontId="9" fillId="2" borderId="18" xfId="0" applyFont="1" applyFill="1" applyBorder="1" applyAlignment="1">
      <alignment horizontal="center" vertical="center"/>
    </xf>
    <xf numFmtId="38" fontId="9" fillId="2" borderId="16" xfId="2" applyFont="1" applyFill="1" applyBorder="1">
      <alignment vertical="center"/>
    </xf>
    <xf numFmtId="38" fontId="9" fillId="2" borderId="2" xfId="2" applyFont="1" applyFill="1" applyBorder="1">
      <alignment vertical="center"/>
    </xf>
    <xf numFmtId="176" fontId="9" fillId="2" borderId="17" xfId="3" applyNumberFormat="1" applyFont="1" applyFill="1" applyBorder="1">
      <alignment vertical="center"/>
    </xf>
    <xf numFmtId="0" fontId="10" fillId="2" borderId="21" xfId="0" applyFont="1" applyFill="1" applyBorder="1" applyAlignment="1">
      <alignment horizontal="center" vertical="center"/>
    </xf>
    <xf numFmtId="38" fontId="10" fillId="2" borderId="19" xfId="2" applyFont="1" applyFill="1" applyBorder="1">
      <alignment vertical="center"/>
    </xf>
    <xf numFmtId="38" fontId="10" fillId="2" borderId="32" xfId="2" applyFont="1" applyFill="1" applyBorder="1">
      <alignment vertical="center"/>
    </xf>
    <xf numFmtId="177" fontId="10" fillId="2" borderId="32" xfId="2" applyNumberFormat="1" applyFont="1" applyFill="1" applyBorder="1">
      <alignment vertical="center"/>
    </xf>
    <xf numFmtId="38" fontId="10" fillId="2" borderId="1" xfId="2" applyFont="1" applyFill="1" applyBorder="1">
      <alignment vertical="center"/>
    </xf>
    <xf numFmtId="176" fontId="10" fillId="2" borderId="20" xfId="3" applyNumberFormat="1" applyFont="1" applyFill="1" applyBorder="1">
      <alignment vertical="center"/>
    </xf>
    <xf numFmtId="0" fontId="10" fillId="2" borderId="0" xfId="0" applyFont="1" applyFill="1">
      <alignment vertical="center"/>
    </xf>
    <xf numFmtId="0" fontId="9" fillId="2" borderId="24" xfId="0" applyFont="1" applyFill="1" applyBorder="1" applyAlignment="1">
      <alignment horizontal="center" vertical="center"/>
    </xf>
    <xf numFmtId="38" fontId="9" fillId="2" borderId="34" xfId="2" applyFont="1" applyFill="1" applyBorder="1">
      <alignment vertical="center"/>
    </xf>
    <xf numFmtId="38" fontId="9" fillId="2" borderId="35" xfId="2" applyFont="1" applyFill="1" applyBorder="1">
      <alignment vertical="center"/>
    </xf>
    <xf numFmtId="177" fontId="9" fillId="2" borderId="36" xfId="2" applyNumberFormat="1" applyFont="1" applyFill="1" applyBorder="1">
      <alignment vertical="center"/>
    </xf>
    <xf numFmtId="38" fontId="9" fillId="2" borderId="36" xfId="2" applyFont="1" applyFill="1" applyBorder="1">
      <alignment vertical="center"/>
    </xf>
    <xf numFmtId="176" fontId="9" fillId="2" borderId="37" xfId="3" applyNumberFormat="1" applyFont="1" applyFill="1" applyBorder="1">
      <alignment vertical="center"/>
    </xf>
    <xf numFmtId="0" fontId="9" fillId="0" borderId="15" xfId="0" applyFont="1" applyBorder="1" applyAlignment="1">
      <alignment horizontal="center" vertical="center"/>
    </xf>
    <xf numFmtId="38" fontId="9" fillId="0" borderId="13" xfId="2" applyFont="1" applyBorder="1">
      <alignment vertical="center"/>
    </xf>
    <xf numFmtId="38" fontId="9" fillId="0" borderId="1" xfId="2" applyFont="1" applyBorder="1">
      <alignment vertical="center"/>
    </xf>
    <xf numFmtId="177" fontId="9" fillId="0" borderId="1" xfId="2" applyNumberFormat="1" applyFont="1" applyBorder="1">
      <alignment vertical="center"/>
    </xf>
    <xf numFmtId="176" fontId="9" fillId="0" borderId="14" xfId="3" applyNumberFormat="1" applyFont="1" applyBorder="1">
      <alignment vertical="center"/>
    </xf>
    <xf numFmtId="0" fontId="9" fillId="0" borderId="18" xfId="0" applyFont="1" applyBorder="1" applyAlignment="1">
      <alignment horizontal="center" vertical="center"/>
    </xf>
    <xf numFmtId="0" fontId="9" fillId="0" borderId="21" xfId="0" applyFont="1" applyBorder="1" applyAlignment="1">
      <alignment horizontal="center" vertical="center"/>
    </xf>
    <xf numFmtId="38" fontId="9" fillId="0" borderId="19" xfId="2" applyFont="1" applyBorder="1">
      <alignment vertical="center"/>
    </xf>
    <xf numFmtId="38" fontId="9" fillId="0" borderId="32" xfId="2" applyFont="1" applyBorder="1">
      <alignment vertical="center"/>
    </xf>
    <xf numFmtId="177" fontId="9" fillId="0" borderId="32" xfId="2" applyNumberFormat="1" applyFont="1" applyBorder="1">
      <alignment vertical="center"/>
    </xf>
    <xf numFmtId="176" fontId="9" fillId="0" borderId="20" xfId="3" applyNumberFormat="1" applyFont="1" applyBorder="1">
      <alignment vertical="center"/>
    </xf>
    <xf numFmtId="38" fontId="9" fillId="2" borderId="19" xfId="2" applyFont="1" applyFill="1" applyBorder="1">
      <alignment vertical="center"/>
    </xf>
    <xf numFmtId="38" fontId="9" fillId="2" borderId="32" xfId="2" applyFont="1" applyFill="1" applyBorder="1">
      <alignment vertical="center"/>
    </xf>
    <xf numFmtId="177" fontId="9" fillId="2" borderId="32" xfId="2" applyNumberFormat="1" applyFont="1" applyFill="1" applyBorder="1">
      <alignment vertical="center"/>
    </xf>
    <xf numFmtId="176" fontId="9" fillId="2" borderId="20" xfId="3" applyNumberFormat="1" applyFont="1" applyFill="1" applyBorder="1">
      <alignment vertical="center"/>
    </xf>
    <xf numFmtId="0" fontId="11" fillId="0" borderId="0" xfId="0" applyFont="1" applyAlignment="1">
      <alignment horizontal="center" vertical="center"/>
    </xf>
    <xf numFmtId="0" fontId="9" fillId="0" borderId="0" xfId="0" applyFont="1" applyAlignment="1">
      <alignment vertical="center" wrapText="1"/>
    </xf>
    <xf numFmtId="0" fontId="9" fillId="2" borderId="21" xfId="0" applyFont="1" applyFill="1" applyBorder="1" applyAlignment="1">
      <alignment horizontal="center" vertical="center"/>
    </xf>
    <xf numFmtId="0" fontId="7" fillId="0" borderId="0" xfId="0" applyFont="1" applyBorder="1" applyAlignment="1">
      <alignment horizontal="left" vertical="center"/>
    </xf>
    <xf numFmtId="0" fontId="7" fillId="0" borderId="0" xfId="0" applyFont="1" applyAlignment="1">
      <alignment horizontal="left" vertical="center"/>
    </xf>
    <xf numFmtId="176" fontId="9" fillId="0" borderId="14" xfId="0" applyNumberFormat="1" applyFont="1" applyBorder="1" applyAlignment="1">
      <alignment horizontal="center" vertical="center"/>
    </xf>
    <xf numFmtId="0" fontId="9" fillId="0" borderId="24" xfId="0" applyFont="1" applyBorder="1" applyAlignment="1">
      <alignment horizontal="center" vertical="center"/>
    </xf>
    <xf numFmtId="176" fontId="9" fillId="2" borderId="14" xfId="0" applyNumberFormat="1" applyFont="1" applyFill="1" applyBorder="1" applyAlignment="1">
      <alignment horizontal="center" vertical="center"/>
    </xf>
    <xf numFmtId="57" fontId="9" fillId="0" borderId="19" xfId="0" applyNumberFormat="1" applyFont="1" applyBorder="1" applyAlignment="1">
      <alignment horizontal="center" vertical="center" wrapText="1"/>
    </xf>
    <xf numFmtId="57" fontId="9" fillId="0" borderId="20" xfId="0" applyNumberFormat="1" applyFont="1" applyBorder="1" applyAlignment="1">
      <alignment horizontal="center" vertical="center"/>
    </xf>
    <xf numFmtId="0" fontId="8" fillId="0" borderId="0" xfId="0" applyFont="1">
      <alignment vertical="center"/>
    </xf>
    <xf numFmtId="38" fontId="9" fillId="0" borderId="43" xfId="2" applyFont="1" applyBorder="1">
      <alignment vertical="center"/>
    </xf>
    <xf numFmtId="38" fontId="9" fillId="0" borderId="7" xfId="2" applyFont="1" applyBorder="1">
      <alignment vertical="center"/>
    </xf>
    <xf numFmtId="176" fontId="9" fillId="0" borderId="14" xfId="0" applyNumberFormat="1" applyFont="1" applyBorder="1" applyAlignment="1">
      <alignment horizontal="right" vertical="center"/>
    </xf>
    <xf numFmtId="0" fontId="9" fillId="0" borderId="13" xfId="0" applyFont="1" applyBorder="1">
      <alignment vertical="center"/>
    </xf>
    <xf numFmtId="176" fontId="9" fillId="0" borderId="20" xfId="0" applyNumberFormat="1" applyFont="1" applyBorder="1" applyAlignment="1">
      <alignment horizontal="right" vertical="center"/>
    </xf>
    <xf numFmtId="0" fontId="9" fillId="2" borderId="19" xfId="0" applyFont="1" applyFill="1" applyBorder="1">
      <alignment vertical="center"/>
    </xf>
    <xf numFmtId="176" fontId="9" fillId="0" borderId="72" xfId="0" applyNumberFormat="1" applyFont="1" applyBorder="1" applyAlignment="1">
      <alignment horizontal="center" vertical="center"/>
    </xf>
    <xf numFmtId="176" fontId="9" fillId="0" borderId="37" xfId="0" applyNumberFormat="1" applyFont="1" applyBorder="1" applyAlignment="1">
      <alignment horizontal="right" vertical="center"/>
    </xf>
    <xf numFmtId="0" fontId="9" fillId="2" borderId="34" xfId="0" applyFont="1" applyFill="1" applyBorder="1">
      <alignment vertical="center"/>
    </xf>
    <xf numFmtId="0" fontId="9" fillId="2" borderId="35" xfId="0" applyFont="1" applyFill="1" applyBorder="1">
      <alignment vertical="center"/>
    </xf>
    <xf numFmtId="176" fontId="9" fillId="0" borderId="14" xfId="0" applyNumberFormat="1" applyFont="1" applyBorder="1">
      <alignment vertical="center"/>
    </xf>
    <xf numFmtId="38" fontId="9" fillId="2" borderId="43" xfId="2" applyFont="1" applyFill="1" applyBorder="1">
      <alignment vertical="center"/>
    </xf>
    <xf numFmtId="176" fontId="9" fillId="0" borderId="20" xfId="0" applyNumberFormat="1" applyFont="1" applyBorder="1">
      <alignment vertical="center"/>
    </xf>
    <xf numFmtId="0" fontId="9" fillId="0" borderId="19" xfId="0" applyFont="1" applyBorder="1">
      <alignment vertical="center"/>
    </xf>
    <xf numFmtId="176" fontId="9" fillId="2" borderId="37" xfId="0" applyNumberFormat="1" applyFont="1" applyFill="1" applyBorder="1">
      <alignment vertical="center"/>
    </xf>
    <xf numFmtId="176" fontId="9" fillId="2" borderId="14" xfId="0" applyNumberFormat="1" applyFont="1" applyFill="1" applyBorder="1">
      <alignment vertical="center"/>
    </xf>
    <xf numFmtId="0" fontId="9" fillId="2" borderId="13" xfId="0" applyFont="1" applyFill="1" applyBorder="1">
      <alignment vertical="center"/>
    </xf>
    <xf numFmtId="0" fontId="9" fillId="0" borderId="0" xfId="1" applyFont="1" applyBorder="1" applyAlignment="1">
      <alignment horizontal="center" vertical="center"/>
    </xf>
    <xf numFmtId="0" fontId="9" fillId="0" borderId="0" xfId="1" applyFont="1" applyBorder="1" applyAlignment="1">
      <alignment horizontal="left" vertical="center"/>
    </xf>
    <xf numFmtId="0" fontId="9" fillId="0" borderId="0" xfId="1" applyFont="1" applyAlignment="1">
      <alignment horizontal="left" vertical="center"/>
    </xf>
    <xf numFmtId="0" fontId="9" fillId="2" borderId="0" xfId="0" applyFont="1" applyFill="1" applyBorder="1" applyAlignment="1">
      <alignment horizontal="center" vertical="center"/>
    </xf>
    <xf numFmtId="0" fontId="8" fillId="0" borderId="0" xfId="1" applyFont="1" applyAlignment="1">
      <alignment horizontal="left" vertical="center"/>
    </xf>
    <xf numFmtId="178" fontId="9" fillId="0" borderId="19" xfId="2" applyNumberFormat="1" applyFont="1" applyBorder="1" applyAlignment="1">
      <alignment horizontal="center" vertical="center" wrapText="1"/>
    </xf>
    <xf numFmtId="178" fontId="9" fillId="0" borderId="32" xfId="2" applyNumberFormat="1" applyFont="1" applyBorder="1" applyAlignment="1">
      <alignment horizontal="center" vertical="center" wrapText="1"/>
    </xf>
    <xf numFmtId="178" fontId="9" fillId="0" borderId="0" xfId="2" applyNumberFormat="1" applyFont="1">
      <alignment vertical="center"/>
    </xf>
    <xf numFmtId="178" fontId="8" fillId="0" borderId="0" xfId="2" applyNumberFormat="1" applyFont="1">
      <alignment vertical="center"/>
    </xf>
    <xf numFmtId="178" fontId="9" fillId="0" borderId="0" xfId="2" applyNumberFormat="1" applyFont="1" applyAlignment="1">
      <alignment horizontal="right"/>
    </xf>
    <xf numFmtId="178" fontId="9" fillId="0" borderId="0" xfId="2" applyNumberFormat="1" applyFont="1" applyAlignment="1">
      <alignment horizontal="center" vertical="center"/>
    </xf>
    <xf numFmtId="178" fontId="9" fillId="0" borderId="15" xfId="2" applyNumberFormat="1" applyFont="1" applyBorder="1" applyAlignment="1">
      <alignment horizontal="center" vertical="center"/>
    </xf>
    <xf numFmtId="178" fontId="9" fillId="0" borderId="18" xfId="2" applyNumberFormat="1" applyFont="1" applyBorder="1" applyAlignment="1">
      <alignment horizontal="center" vertical="center"/>
    </xf>
    <xf numFmtId="178" fontId="9" fillId="2" borderId="18" xfId="2" applyNumberFormat="1" applyFont="1" applyFill="1" applyBorder="1" applyAlignment="1">
      <alignment horizontal="center" vertical="center"/>
    </xf>
    <xf numFmtId="178" fontId="9" fillId="2" borderId="0" xfId="2" applyNumberFormat="1" applyFont="1" applyFill="1">
      <alignment vertical="center"/>
    </xf>
    <xf numFmtId="178" fontId="9" fillId="2" borderId="21" xfId="2" applyNumberFormat="1" applyFont="1" applyFill="1" applyBorder="1" applyAlignment="1">
      <alignment horizontal="center" vertical="center"/>
    </xf>
    <xf numFmtId="178" fontId="9" fillId="0" borderId="24" xfId="2" applyNumberFormat="1" applyFont="1" applyBorder="1" applyAlignment="1">
      <alignment horizontal="center" vertical="center" wrapText="1"/>
    </xf>
    <xf numFmtId="178" fontId="9" fillId="2" borderId="15" xfId="2" applyNumberFormat="1" applyFont="1" applyFill="1" applyBorder="1" applyAlignment="1">
      <alignment horizontal="center" vertical="center"/>
    </xf>
    <xf numFmtId="178" fontId="9" fillId="0" borderId="21" xfId="2" applyNumberFormat="1" applyFont="1" applyBorder="1" applyAlignment="1">
      <alignment horizontal="center" vertical="center"/>
    </xf>
    <xf numFmtId="178" fontId="9" fillId="0" borderId="24" xfId="2" applyNumberFormat="1" applyFont="1" applyBorder="1" applyAlignment="1">
      <alignment horizontal="center" vertical="center"/>
    </xf>
    <xf numFmtId="178" fontId="9" fillId="0" borderId="13" xfId="2" applyNumberFormat="1" applyFont="1" applyBorder="1" applyAlignment="1">
      <alignment horizontal="center" vertical="center"/>
    </xf>
    <xf numFmtId="178" fontId="9" fillId="0" borderId="16" xfId="2" applyNumberFormat="1" applyFont="1" applyBorder="1" applyAlignment="1">
      <alignment horizontal="center" vertical="center"/>
    </xf>
    <xf numFmtId="178" fontId="9" fillId="0" borderId="19" xfId="2" applyNumberFormat="1" applyFont="1" applyBorder="1" applyAlignment="1">
      <alignment horizontal="center" vertical="center"/>
    </xf>
    <xf numFmtId="178" fontId="9" fillId="0" borderId="22" xfId="2" applyNumberFormat="1" applyFont="1" applyBorder="1" applyAlignment="1">
      <alignment horizontal="center" vertical="center" wrapText="1"/>
    </xf>
    <xf numFmtId="178" fontId="9" fillId="2" borderId="99" xfId="2" applyNumberFormat="1" applyFont="1" applyFill="1" applyBorder="1" applyAlignment="1">
      <alignment horizontal="right" vertical="center"/>
    </xf>
    <xf numFmtId="178" fontId="9" fillId="0" borderId="32" xfId="2" applyNumberFormat="1" applyFont="1" applyBorder="1" applyAlignment="1">
      <alignment horizontal="center" vertical="center"/>
    </xf>
    <xf numFmtId="178" fontId="9" fillId="0" borderId="20" xfId="2" applyNumberFormat="1" applyFont="1" applyBorder="1" applyAlignment="1">
      <alignment horizontal="center" vertical="center"/>
    </xf>
    <xf numFmtId="0" fontId="9" fillId="0" borderId="0" xfId="0" applyFont="1" applyAlignment="1">
      <alignment horizontal="right" vertical="center"/>
    </xf>
    <xf numFmtId="38" fontId="9" fillId="2" borderId="13" xfId="2" applyNumberFormat="1" applyFont="1" applyFill="1" applyBorder="1">
      <alignment vertical="center"/>
    </xf>
    <xf numFmtId="176" fontId="9" fillId="2" borderId="14" xfId="0" applyNumberFormat="1" applyFont="1" applyFill="1" applyBorder="1" applyAlignment="1">
      <alignment horizontal="right" vertical="center"/>
    </xf>
    <xf numFmtId="0" fontId="9" fillId="2" borderId="1" xfId="0" applyFont="1" applyFill="1" applyBorder="1">
      <alignment vertical="center"/>
    </xf>
    <xf numFmtId="176" fontId="9" fillId="2" borderId="17" xfId="0" applyNumberFormat="1" applyFont="1" applyFill="1" applyBorder="1" applyAlignment="1">
      <alignment horizontal="right" vertical="center"/>
    </xf>
    <xf numFmtId="0" fontId="9" fillId="2" borderId="16" xfId="0" applyFont="1" applyFill="1" applyBorder="1">
      <alignment vertical="center"/>
    </xf>
    <xf numFmtId="0" fontId="9" fillId="2" borderId="2" xfId="0" applyFont="1" applyFill="1" applyBorder="1">
      <alignment vertical="center"/>
    </xf>
    <xf numFmtId="176" fontId="9" fillId="2" borderId="20" xfId="0" applyNumberFormat="1" applyFont="1" applyFill="1" applyBorder="1" applyAlignment="1">
      <alignment horizontal="right" vertical="center"/>
    </xf>
    <xf numFmtId="0" fontId="9" fillId="2" borderId="32" xfId="0" applyFont="1" applyFill="1" applyBorder="1">
      <alignment vertical="center"/>
    </xf>
    <xf numFmtId="176" fontId="9" fillId="2" borderId="20" xfId="0" applyNumberFormat="1" applyFont="1" applyFill="1" applyBorder="1" applyAlignment="1">
      <alignment horizontal="center" vertical="center"/>
    </xf>
    <xf numFmtId="0" fontId="9" fillId="0" borderId="25" xfId="0" applyFont="1" applyBorder="1" applyAlignment="1">
      <alignment horizontal="center" vertical="center"/>
    </xf>
    <xf numFmtId="38" fontId="9" fillId="0" borderId="34" xfId="2" applyFont="1" applyBorder="1">
      <alignment vertical="center"/>
    </xf>
    <xf numFmtId="38" fontId="9" fillId="0" borderId="36" xfId="2" applyFont="1" applyBorder="1">
      <alignment vertical="center"/>
    </xf>
    <xf numFmtId="38" fontId="9" fillId="0" borderId="35" xfId="2" applyFont="1" applyBorder="1">
      <alignment vertical="center"/>
    </xf>
    <xf numFmtId="176" fontId="9" fillId="0" borderId="37" xfId="0" applyNumberFormat="1" applyFont="1" applyBorder="1">
      <alignment vertical="center"/>
    </xf>
    <xf numFmtId="0" fontId="9" fillId="0" borderId="34" xfId="0" applyFont="1" applyBorder="1">
      <alignment vertical="center"/>
    </xf>
    <xf numFmtId="0" fontId="9" fillId="0" borderId="35" xfId="0" applyFont="1" applyBorder="1">
      <alignment vertical="center"/>
    </xf>
    <xf numFmtId="38" fontId="9" fillId="0" borderId="16" xfId="2" applyFont="1" applyBorder="1">
      <alignment vertical="center"/>
    </xf>
    <xf numFmtId="38" fontId="9" fillId="0" borderId="2" xfId="2" applyFont="1" applyBorder="1">
      <alignment vertical="center"/>
    </xf>
    <xf numFmtId="176" fontId="9" fillId="0" borderId="17" xfId="0" applyNumberFormat="1" applyFont="1" applyBorder="1" applyAlignment="1">
      <alignment horizontal="center" vertical="center"/>
    </xf>
    <xf numFmtId="176" fontId="9" fillId="2" borderId="20" xfId="0" applyNumberFormat="1" applyFont="1" applyFill="1" applyBorder="1">
      <alignment vertical="center"/>
    </xf>
    <xf numFmtId="176" fontId="9" fillId="0" borderId="20" xfId="0" applyNumberFormat="1" applyFont="1" applyBorder="1" applyAlignment="1">
      <alignment horizontal="center" vertical="center"/>
    </xf>
    <xf numFmtId="176" fontId="9" fillId="2" borderId="37" xfId="0" applyNumberFormat="1" applyFont="1" applyFill="1" applyBorder="1" applyAlignment="1">
      <alignment horizontal="right" vertical="center"/>
    </xf>
    <xf numFmtId="0" fontId="9" fillId="0" borderId="1" xfId="0" applyFont="1" applyBorder="1">
      <alignment vertical="center"/>
    </xf>
    <xf numFmtId="176" fontId="9" fillId="0" borderId="14" xfId="0" applyNumberFormat="1" applyFont="1" applyFill="1" applyBorder="1">
      <alignment vertical="center"/>
    </xf>
    <xf numFmtId="0" fontId="9" fillId="0" borderId="16" xfId="0" applyFont="1" applyBorder="1">
      <alignment vertical="center"/>
    </xf>
    <xf numFmtId="0" fontId="9" fillId="0" borderId="2" xfId="0" applyFont="1" applyBorder="1">
      <alignment vertical="center"/>
    </xf>
    <xf numFmtId="0" fontId="9" fillId="0" borderId="32" xfId="0" applyFont="1" applyBorder="1">
      <alignment vertical="center"/>
    </xf>
    <xf numFmtId="0" fontId="9" fillId="2" borderId="25" xfId="0" applyFont="1" applyFill="1" applyBorder="1" applyAlignment="1">
      <alignment horizontal="center" vertical="center"/>
    </xf>
    <xf numFmtId="0" fontId="11" fillId="0" borderId="0" xfId="0" applyFont="1">
      <alignment vertical="center"/>
    </xf>
    <xf numFmtId="57" fontId="10" fillId="0" borderId="60" xfId="6" applyNumberFormat="1" applyFont="1" applyBorder="1" applyAlignment="1">
      <alignment horizontal="center" vertical="center" wrapText="1"/>
    </xf>
    <xf numFmtId="57" fontId="10" fillId="0" borderId="10" xfId="6" applyNumberFormat="1" applyFont="1" applyBorder="1" applyAlignment="1">
      <alignment horizontal="center" vertical="center" wrapText="1"/>
    </xf>
    <xf numFmtId="38" fontId="9" fillId="0" borderId="62" xfId="2" applyFont="1" applyBorder="1">
      <alignment vertical="center"/>
    </xf>
    <xf numFmtId="38" fontId="9" fillId="0" borderId="63" xfId="2" applyFont="1" applyBorder="1">
      <alignment vertical="center"/>
    </xf>
    <xf numFmtId="38" fontId="9" fillId="2" borderId="62" xfId="2" applyFont="1" applyFill="1" applyBorder="1">
      <alignment vertical="center"/>
    </xf>
    <xf numFmtId="38" fontId="9" fillId="2" borderId="62" xfId="2" applyFont="1" applyFill="1" applyBorder="1" applyAlignment="1">
      <alignment horizontal="right" vertical="center"/>
    </xf>
    <xf numFmtId="38" fontId="9" fillId="2" borderId="63" xfId="2" applyFont="1" applyFill="1" applyBorder="1">
      <alignment vertical="center"/>
    </xf>
    <xf numFmtId="38" fontId="9" fillId="0" borderId="64" xfId="2" applyFont="1" applyBorder="1" applyAlignment="1">
      <alignment horizontal="right" vertical="center"/>
    </xf>
    <xf numFmtId="38" fontId="9" fillId="0" borderId="65" xfId="2" applyFont="1" applyBorder="1">
      <alignment vertical="center"/>
    </xf>
    <xf numFmtId="38" fontId="9" fillId="0" borderId="66" xfId="2" applyFont="1" applyBorder="1">
      <alignment vertical="center"/>
    </xf>
    <xf numFmtId="38" fontId="9" fillId="2" borderId="65" xfId="2" applyFont="1" applyFill="1" applyBorder="1">
      <alignment vertical="center"/>
    </xf>
    <xf numFmtId="38" fontId="9" fillId="2" borderId="66" xfId="2" applyFont="1" applyFill="1" applyBorder="1">
      <alignment vertical="center"/>
    </xf>
    <xf numFmtId="38" fontId="9" fillId="0" borderId="65" xfId="2" applyFont="1" applyBorder="1" applyAlignment="1">
      <alignment horizontal="right" vertical="center"/>
    </xf>
    <xf numFmtId="38" fontId="9" fillId="2" borderId="65" xfId="2" applyFont="1" applyFill="1" applyBorder="1" applyAlignment="1">
      <alignment horizontal="right" vertical="center"/>
    </xf>
    <xf numFmtId="38" fontId="9" fillId="0" borderId="67" xfId="2" applyFont="1" applyBorder="1">
      <alignment vertical="center"/>
    </xf>
    <xf numFmtId="38" fontId="9" fillId="0" borderId="68" xfId="2" applyFont="1" applyBorder="1">
      <alignment vertical="center"/>
    </xf>
    <xf numFmtId="38" fontId="9" fillId="2" borderId="67" xfId="2" applyFont="1" applyFill="1" applyBorder="1">
      <alignment vertical="center"/>
    </xf>
    <xf numFmtId="38" fontId="9" fillId="2" borderId="68" xfId="2" applyFont="1" applyFill="1" applyBorder="1">
      <alignment vertical="center"/>
    </xf>
    <xf numFmtId="38" fontId="9" fillId="0" borderId="67" xfId="2" applyFont="1" applyBorder="1" applyAlignment="1">
      <alignment horizontal="right" vertical="center"/>
    </xf>
    <xf numFmtId="0" fontId="10" fillId="0" borderId="0" xfId="6" applyFont="1" applyBorder="1" applyAlignment="1">
      <alignment horizontal="center" vertical="center"/>
    </xf>
    <xf numFmtId="38" fontId="9" fillId="0" borderId="0" xfId="2" applyFont="1" applyBorder="1">
      <alignment vertical="center"/>
    </xf>
    <xf numFmtId="38" fontId="9" fillId="0" borderId="0" xfId="2" applyFont="1" applyBorder="1" applyAlignment="1">
      <alignment horizontal="right" vertical="center"/>
    </xf>
    <xf numFmtId="38" fontId="9" fillId="0" borderId="64" xfId="2" applyFont="1" applyBorder="1">
      <alignment vertical="center"/>
    </xf>
    <xf numFmtId="38" fontId="9" fillId="0" borderId="62" xfId="2" applyFont="1" applyBorder="1" applyAlignment="1">
      <alignment horizontal="right" vertical="center"/>
    </xf>
    <xf numFmtId="38" fontId="9" fillId="0" borderId="8" xfId="2" applyFont="1" applyBorder="1">
      <alignment vertical="center"/>
    </xf>
    <xf numFmtId="38" fontId="9" fillId="2" borderId="8" xfId="2" applyFont="1" applyFill="1" applyBorder="1">
      <alignment vertical="center"/>
    </xf>
    <xf numFmtId="57" fontId="10" fillId="0" borderId="112" xfId="6" applyNumberFormat="1" applyFont="1" applyBorder="1" applyAlignment="1">
      <alignment horizontal="center" vertical="center" wrapText="1"/>
    </xf>
    <xf numFmtId="57" fontId="10" fillId="0" borderId="107" xfId="6" applyNumberFormat="1" applyFont="1" applyBorder="1" applyAlignment="1">
      <alignment horizontal="center" vertical="center" wrapText="1"/>
    </xf>
    <xf numFmtId="57" fontId="10" fillId="0" borderId="95" xfId="6" applyNumberFormat="1" applyFont="1" applyBorder="1" applyAlignment="1">
      <alignment horizontal="center" vertical="center" wrapText="1"/>
    </xf>
    <xf numFmtId="57" fontId="10" fillId="0" borderId="110" xfId="6" applyNumberFormat="1" applyFont="1" applyBorder="1" applyAlignment="1">
      <alignment horizontal="center" vertical="center" wrapText="1"/>
    </xf>
    <xf numFmtId="0" fontId="9" fillId="0" borderId="107" xfId="0" applyFont="1" applyBorder="1" applyAlignment="1">
      <alignment horizontal="center" vertical="center"/>
    </xf>
    <xf numFmtId="38" fontId="9" fillId="0" borderId="93" xfId="2" applyFont="1" applyBorder="1">
      <alignment vertical="center"/>
    </xf>
    <xf numFmtId="38" fontId="9" fillId="2" borderId="22" xfId="2" applyFont="1" applyFill="1" applyBorder="1">
      <alignment vertical="center"/>
    </xf>
    <xf numFmtId="38" fontId="9" fillId="2" borderId="113" xfId="2" applyFont="1" applyFill="1" applyBorder="1">
      <alignment vertical="center"/>
    </xf>
    <xf numFmtId="38" fontId="9" fillId="2" borderId="102" xfId="2" applyFont="1" applyFill="1" applyBorder="1">
      <alignment vertical="center"/>
    </xf>
    <xf numFmtId="38" fontId="9" fillId="2" borderId="44" xfId="2" applyFont="1" applyFill="1" applyBorder="1">
      <alignment vertical="center"/>
    </xf>
    <xf numFmtId="57" fontId="10" fillId="0" borderId="114" xfId="6" applyNumberFormat="1" applyFont="1" applyBorder="1" applyAlignment="1">
      <alignment horizontal="center" vertical="center" wrapText="1"/>
    </xf>
    <xf numFmtId="38" fontId="9" fillId="2" borderId="63" xfId="2" applyFont="1" applyFill="1" applyBorder="1" applyAlignment="1">
      <alignment horizontal="right" vertical="center"/>
    </xf>
    <xf numFmtId="38" fontId="9" fillId="2" borderId="66" xfId="2" applyFont="1" applyFill="1" applyBorder="1" applyAlignment="1">
      <alignment horizontal="right" vertical="center"/>
    </xf>
    <xf numFmtId="38" fontId="9" fillId="2" borderId="68" xfId="2" applyFont="1" applyFill="1" applyBorder="1" applyAlignment="1">
      <alignment horizontal="right" vertical="center"/>
    </xf>
    <xf numFmtId="38" fontId="9" fillId="2" borderId="102" xfId="2" applyFont="1" applyFill="1" applyBorder="1" applyAlignment="1">
      <alignment horizontal="right" vertical="center"/>
    </xf>
    <xf numFmtId="0" fontId="9" fillId="0" borderId="0" xfId="0" applyFont="1" applyBorder="1">
      <alignment vertical="center"/>
    </xf>
    <xf numFmtId="0" fontId="9" fillId="2" borderId="0" xfId="0" applyFont="1" applyFill="1" applyBorder="1">
      <alignment vertical="center"/>
    </xf>
    <xf numFmtId="0" fontId="9" fillId="0" borderId="0" xfId="0" applyFont="1" applyBorder="1" applyAlignment="1">
      <alignment horizontal="center" vertical="center"/>
    </xf>
    <xf numFmtId="38" fontId="9" fillId="0" borderId="63" xfId="2" applyFont="1" applyBorder="1" applyAlignment="1">
      <alignment horizontal="right" vertical="center"/>
    </xf>
    <xf numFmtId="38" fontId="9" fillId="0" borderId="66" xfId="2" applyFont="1" applyBorder="1" applyAlignment="1">
      <alignment horizontal="right" vertical="center"/>
    </xf>
    <xf numFmtId="38" fontId="9" fillId="0" borderId="68" xfId="2" applyFont="1" applyBorder="1" applyAlignment="1">
      <alignment horizontal="right" vertical="center"/>
    </xf>
    <xf numFmtId="0" fontId="9" fillId="0" borderId="61" xfId="0" applyFont="1" applyBorder="1" applyAlignment="1">
      <alignment horizontal="center" vertical="center"/>
    </xf>
    <xf numFmtId="0" fontId="10" fillId="0" borderId="73" xfId="6" applyFont="1" applyBorder="1" applyAlignment="1">
      <alignment horizontal="center" vertical="center"/>
    </xf>
    <xf numFmtId="0" fontId="10" fillId="0" borderId="54" xfId="6" applyFont="1" applyBorder="1" applyAlignment="1">
      <alignment horizontal="center" vertical="center"/>
    </xf>
    <xf numFmtId="0" fontId="9" fillId="0" borderId="49" xfId="0" applyFont="1" applyBorder="1" applyAlignment="1">
      <alignment horizontal="center" vertical="center"/>
    </xf>
    <xf numFmtId="0" fontId="9" fillId="0" borderId="11" xfId="0" applyFont="1" applyBorder="1" applyAlignment="1">
      <alignment horizontal="center" vertical="center"/>
    </xf>
    <xf numFmtId="0" fontId="9" fillId="0" borderId="51" xfId="0" applyFont="1" applyBorder="1" applyAlignment="1">
      <alignment horizontal="center" vertical="center"/>
    </xf>
    <xf numFmtId="0" fontId="9" fillId="0" borderId="51" xfId="0" applyFont="1" applyBorder="1" applyAlignment="1">
      <alignment horizontal="center" vertical="center" wrapText="1"/>
    </xf>
    <xf numFmtId="0" fontId="9" fillId="0" borderId="52" xfId="0" applyFont="1" applyBorder="1" applyAlignment="1">
      <alignment horizontal="center" vertical="center" wrapText="1"/>
    </xf>
    <xf numFmtId="0" fontId="9" fillId="0" borderId="87" xfId="0" applyFont="1" applyBorder="1" applyAlignment="1">
      <alignment horizontal="center" vertical="center" wrapText="1"/>
    </xf>
    <xf numFmtId="0" fontId="9" fillId="0" borderId="50" xfId="0" applyFont="1" applyBorder="1" applyAlignment="1">
      <alignment horizontal="center" vertical="center" wrapText="1"/>
    </xf>
    <xf numFmtId="0" fontId="9" fillId="0" borderId="52" xfId="0" applyFont="1" applyBorder="1" applyAlignment="1">
      <alignment horizontal="center" vertical="center"/>
    </xf>
    <xf numFmtId="0" fontId="9" fillId="0" borderId="87" xfId="0" applyFont="1" applyBorder="1" applyAlignment="1">
      <alignment horizontal="center" vertical="center"/>
    </xf>
    <xf numFmtId="0" fontId="10" fillId="0" borderId="53" xfId="6" applyFont="1" applyBorder="1" applyAlignment="1">
      <alignment horizontal="center" vertical="center"/>
    </xf>
    <xf numFmtId="38" fontId="9" fillId="2" borderId="4" xfId="0" applyNumberFormat="1" applyFont="1" applyFill="1" applyBorder="1">
      <alignment vertical="center"/>
    </xf>
    <xf numFmtId="38" fontId="9" fillId="2" borderId="1" xfId="0" applyNumberFormat="1" applyFont="1" applyFill="1" applyBorder="1">
      <alignment vertical="center"/>
    </xf>
    <xf numFmtId="38" fontId="9" fillId="2" borderId="7" xfId="0" applyNumberFormat="1" applyFont="1" applyFill="1" applyBorder="1">
      <alignment vertical="center"/>
    </xf>
    <xf numFmtId="38" fontId="9" fillId="2" borderId="46" xfId="0" applyNumberFormat="1" applyFont="1" applyFill="1" applyBorder="1">
      <alignment vertical="center"/>
    </xf>
    <xf numFmtId="38" fontId="9" fillId="2" borderId="88" xfId="2" applyFont="1" applyFill="1" applyBorder="1">
      <alignment vertical="center"/>
    </xf>
    <xf numFmtId="38" fontId="9" fillId="2" borderId="3" xfId="0" applyNumberFormat="1" applyFont="1" applyFill="1" applyBorder="1">
      <alignment vertical="center"/>
    </xf>
    <xf numFmtId="38" fontId="9" fillId="2" borderId="2" xfId="0" applyNumberFormat="1" applyFont="1" applyFill="1" applyBorder="1">
      <alignment vertical="center"/>
    </xf>
    <xf numFmtId="38" fontId="9" fillId="2" borderId="8" xfId="0" applyNumberFormat="1" applyFont="1" applyFill="1" applyBorder="1">
      <alignment vertical="center"/>
    </xf>
    <xf numFmtId="38" fontId="9" fillId="2" borderId="82" xfId="0" applyNumberFormat="1" applyFont="1" applyFill="1" applyBorder="1">
      <alignment vertical="center"/>
    </xf>
    <xf numFmtId="0" fontId="10" fillId="2" borderId="54" xfId="6" applyFont="1" applyFill="1" applyBorder="1" applyAlignment="1">
      <alignment horizontal="center" vertical="center"/>
    </xf>
    <xf numFmtId="0" fontId="10" fillId="2" borderId="55" xfId="6" applyFont="1" applyFill="1" applyBorder="1" applyAlignment="1">
      <alignment horizontal="center" vertical="center"/>
    </xf>
    <xf numFmtId="38" fontId="9" fillId="2" borderId="57" xfId="0" applyNumberFormat="1" applyFont="1" applyFill="1" applyBorder="1">
      <alignment vertical="center"/>
    </xf>
    <xf numFmtId="38" fontId="9" fillId="2" borderId="32" xfId="0" applyNumberFormat="1" applyFont="1" applyFill="1" applyBorder="1">
      <alignment vertical="center"/>
    </xf>
    <xf numFmtId="38" fontId="9" fillId="2" borderId="44" xfId="0" applyNumberFormat="1" applyFont="1" applyFill="1" applyBorder="1">
      <alignment vertical="center"/>
    </xf>
    <xf numFmtId="38" fontId="9" fillId="2" borderId="93" xfId="2" applyFont="1" applyFill="1" applyBorder="1">
      <alignment vertical="center"/>
    </xf>
    <xf numFmtId="0" fontId="10" fillId="2" borderId="73" xfId="6" applyFont="1" applyFill="1" applyBorder="1" applyAlignment="1">
      <alignment horizontal="center" vertical="center"/>
    </xf>
    <xf numFmtId="38" fontId="10" fillId="2" borderId="75" xfId="2" applyNumberFormat="1" applyFont="1" applyFill="1" applyBorder="1" applyAlignment="1">
      <alignment vertical="center"/>
    </xf>
    <xf numFmtId="38" fontId="10" fillId="2" borderId="83" xfId="2" applyNumberFormat="1" applyFont="1" applyFill="1" applyBorder="1" applyAlignment="1">
      <alignment vertical="center"/>
    </xf>
    <xf numFmtId="38" fontId="9" fillId="2" borderId="92" xfId="2" applyFont="1" applyFill="1" applyBorder="1">
      <alignment vertical="center"/>
    </xf>
    <xf numFmtId="0" fontId="9" fillId="0" borderId="34" xfId="0" applyFont="1" applyBorder="1" applyAlignment="1">
      <alignment horizontal="center" vertical="center"/>
    </xf>
    <xf numFmtId="0" fontId="9" fillId="2" borderId="103" xfId="0" applyFont="1" applyFill="1" applyBorder="1">
      <alignment vertical="center"/>
    </xf>
    <xf numFmtId="176" fontId="9" fillId="0" borderId="36" xfId="3" applyNumberFormat="1" applyFont="1" applyBorder="1">
      <alignment vertical="center"/>
    </xf>
    <xf numFmtId="176" fontId="9" fillId="0" borderId="80" xfId="3" applyNumberFormat="1" applyFont="1" applyBorder="1">
      <alignment vertical="center"/>
    </xf>
    <xf numFmtId="9" fontId="9" fillId="0" borderId="91" xfId="3" applyFont="1" applyBorder="1">
      <alignment vertical="center"/>
    </xf>
    <xf numFmtId="176" fontId="9" fillId="0" borderId="0" xfId="3" applyNumberFormat="1" applyFont="1" applyBorder="1">
      <alignment vertical="center"/>
    </xf>
    <xf numFmtId="9" fontId="9" fillId="0" borderId="0" xfId="3" applyFont="1" applyBorder="1">
      <alignment vertical="center"/>
    </xf>
    <xf numFmtId="38" fontId="9" fillId="2" borderId="88" xfId="0" applyNumberFormat="1" applyFont="1" applyFill="1" applyBorder="1">
      <alignment vertical="center"/>
    </xf>
    <xf numFmtId="38" fontId="9" fillId="2" borderId="89" xfId="0" applyNumberFormat="1" applyFont="1" applyFill="1" applyBorder="1">
      <alignment vertical="center"/>
    </xf>
    <xf numFmtId="38" fontId="10" fillId="0" borderId="75" xfId="2" applyFont="1" applyBorder="1" applyAlignment="1">
      <alignment vertical="center"/>
    </xf>
    <xf numFmtId="38" fontId="10" fillId="0" borderId="83" xfId="2" applyFont="1" applyBorder="1" applyAlignment="1">
      <alignment vertical="center"/>
    </xf>
    <xf numFmtId="38" fontId="9" fillId="2" borderId="90" xfId="2" applyFont="1" applyFill="1" applyBorder="1" applyAlignment="1">
      <alignment vertical="center"/>
    </xf>
    <xf numFmtId="176" fontId="9" fillId="0" borderId="91" xfId="3" applyNumberFormat="1" applyFont="1" applyBorder="1">
      <alignment vertical="center"/>
    </xf>
    <xf numFmtId="176" fontId="9" fillId="0" borderId="71" xfId="3" applyNumberFormat="1" applyFont="1" applyBorder="1">
      <alignment vertical="center"/>
    </xf>
    <xf numFmtId="0" fontId="9" fillId="0" borderId="50" xfId="0" applyFont="1" applyBorder="1" applyAlignment="1">
      <alignment horizontal="center" vertical="center"/>
    </xf>
    <xf numFmtId="38" fontId="9" fillId="2" borderId="47" xfId="0" applyNumberFormat="1" applyFont="1" applyFill="1" applyBorder="1">
      <alignment vertical="center"/>
    </xf>
    <xf numFmtId="38" fontId="9" fillId="2" borderId="43" xfId="0" applyNumberFormat="1" applyFont="1" applyFill="1" applyBorder="1">
      <alignment vertical="center"/>
    </xf>
    <xf numFmtId="38" fontId="9" fillId="2" borderId="16" xfId="0" applyNumberFormat="1" applyFont="1" applyFill="1" applyBorder="1">
      <alignment vertical="center"/>
    </xf>
    <xf numFmtId="38" fontId="9" fillId="2" borderId="19" xfId="0" applyNumberFormat="1" applyFont="1" applyFill="1" applyBorder="1">
      <alignment vertical="center"/>
    </xf>
    <xf numFmtId="176" fontId="9" fillId="0" borderId="34" xfId="3" applyNumberFormat="1" applyFont="1" applyBorder="1">
      <alignment vertical="center"/>
    </xf>
    <xf numFmtId="38" fontId="10" fillId="2" borderId="74" xfId="2" applyFont="1" applyFill="1" applyBorder="1" applyAlignment="1">
      <alignment horizontal="right" vertical="center"/>
    </xf>
    <xf numFmtId="38" fontId="10" fillId="0" borderId="74" xfId="2" applyFont="1" applyBorder="1" applyAlignment="1">
      <alignment horizontal="right" vertical="center"/>
    </xf>
    <xf numFmtId="38" fontId="9" fillId="2" borderId="0" xfId="0" applyNumberFormat="1" applyFont="1" applyFill="1" applyBorder="1">
      <alignment vertical="center"/>
    </xf>
    <xf numFmtId="38" fontId="9" fillId="2" borderId="0" xfId="2" applyFont="1" applyFill="1" applyBorder="1" applyAlignment="1">
      <alignment vertical="center"/>
    </xf>
    <xf numFmtId="0" fontId="9" fillId="0" borderId="73" xfId="0" applyFont="1" applyBorder="1" applyAlignment="1">
      <alignment vertical="center"/>
    </xf>
    <xf numFmtId="0" fontId="9" fillId="0" borderId="16" xfId="0" applyFont="1" applyBorder="1" applyAlignment="1">
      <alignment horizontal="right" vertical="center"/>
    </xf>
    <xf numFmtId="0" fontId="9" fillId="0" borderId="94" xfId="0" applyFont="1" applyBorder="1" applyAlignment="1">
      <alignment horizontal="right" vertical="center"/>
    </xf>
    <xf numFmtId="57" fontId="9" fillId="0" borderId="20" xfId="0" applyNumberFormat="1" applyFont="1" applyBorder="1" applyAlignment="1">
      <alignment horizontal="center" vertical="center" wrapText="1"/>
    </xf>
    <xf numFmtId="0" fontId="9" fillId="0" borderId="0" xfId="0" applyFont="1" applyFill="1" applyBorder="1">
      <alignment vertical="center"/>
    </xf>
    <xf numFmtId="38" fontId="9" fillId="2" borderId="0" xfId="2" applyFont="1" applyFill="1" applyBorder="1">
      <alignment vertical="center"/>
    </xf>
    <xf numFmtId="176" fontId="9" fillId="2" borderId="0" xfId="0" applyNumberFormat="1" applyFont="1" applyFill="1" applyBorder="1">
      <alignment vertical="center"/>
    </xf>
    <xf numFmtId="38" fontId="9" fillId="0" borderId="13" xfId="2" applyFont="1" applyBorder="1" applyAlignment="1">
      <alignment horizontal="right" vertical="center"/>
    </xf>
    <xf numFmtId="38" fontId="9" fillId="0" borderId="1" xfId="2" applyFont="1" applyBorder="1" applyAlignment="1">
      <alignment horizontal="right" vertical="center"/>
    </xf>
    <xf numFmtId="38" fontId="9" fillId="0" borderId="16" xfId="2" applyFont="1" applyBorder="1" applyAlignment="1">
      <alignment horizontal="right" vertical="center"/>
    </xf>
    <xf numFmtId="38" fontId="9" fillId="0" borderId="2" xfId="2" applyFont="1" applyBorder="1" applyAlignment="1">
      <alignment horizontal="right" vertical="center"/>
    </xf>
    <xf numFmtId="38" fontId="9" fillId="2" borderId="16" xfId="2" applyFont="1" applyFill="1" applyBorder="1" applyAlignment="1">
      <alignment horizontal="right" vertical="center"/>
    </xf>
    <xf numFmtId="38" fontId="9" fillId="2" borderId="2" xfId="2" applyFont="1" applyFill="1" applyBorder="1" applyAlignment="1">
      <alignment horizontal="right" vertical="center"/>
    </xf>
    <xf numFmtId="38" fontId="9" fillId="2" borderId="94" xfId="2" applyFont="1" applyFill="1" applyBorder="1" applyAlignment="1">
      <alignment horizontal="right" vertical="center"/>
    </xf>
    <xf numFmtId="38" fontId="9" fillId="2" borderId="19" xfId="2" applyFont="1" applyFill="1" applyBorder="1" applyAlignment="1">
      <alignment horizontal="right" vertical="center"/>
    </xf>
    <xf numFmtId="38" fontId="9" fillId="2" borderId="34" xfId="2" applyFont="1" applyFill="1" applyBorder="1" applyAlignment="1">
      <alignment horizontal="right" vertical="center"/>
    </xf>
    <xf numFmtId="38" fontId="9" fillId="2" borderId="36" xfId="2" applyFont="1" applyFill="1" applyBorder="1" applyAlignment="1">
      <alignment horizontal="right" vertical="center"/>
    </xf>
    <xf numFmtId="38" fontId="9" fillId="2" borderId="22" xfId="2" applyFont="1" applyFill="1" applyBorder="1" applyAlignment="1">
      <alignment horizontal="right" vertical="center"/>
    </xf>
    <xf numFmtId="38" fontId="9" fillId="2" borderId="35" xfId="2" applyFont="1" applyFill="1" applyBorder="1" applyAlignment="1">
      <alignment horizontal="right" vertical="center"/>
    </xf>
    <xf numFmtId="38" fontId="9" fillId="2" borderId="13" xfId="2" applyFont="1" applyFill="1" applyBorder="1" applyAlignment="1">
      <alignment horizontal="right" vertical="center"/>
    </xf>
    <xf numFmtId="38" fontId="9" fillId="2" borderId="1" xfId="2" applyFont="1" applyFill="1" applyBorder="1" applyAlignment="1">
      <alignment horizontal="right" vertical="center"/>
    </xf>
    <xf numFmtId="38" fontId="9" fillId="0" borderId="19" xfId="2" applyFont="1" applyBorder="1" applyAlignment="1">
      <alignment horizontal="right" vertical="center"/>
    </xf>
    <xf numFmtId="38" fontId="9" fillId="0" borderId="32" xfId="2" applyFont="1" applyBorder="1" applyAlignment="1">
      <alignment horizontal="right" vertical="center"/>
    </xf>
    <xf numFmtId="38" fontId="9" fillId="2" borderId="32" xfId="2" applyFont="1" applyFill="1" applyBorder="1" applyAlignment="1">
      <alignment horizontal="right" vertical="center"/>
    </xf>
    <xf numFmtId="38" fontId="9" fillId="2" borderId="34" xfId="0" applyNumberFormat="1" applyFont="1" applyFill="1" applyBorder="1" applyAlignment="1">
      <alignment horizontal="right" vertical="center"/>
    </xf>
    <xf numFmtId="38" fontId="9" fillId="2" borderId="35" xfId="0" applyNumberFormat="1" applyFont="1" applyFill="1" applyBorder="1" applyAlignment="1">
      <alignment horizontal="right" vertical="center"/>
    </xf>
    <xf numFmtId="176" fontId="9" fillId="0" borderId="37" xfId="3" applyNumberFormat="1" applyFont="1" applyBorder="1">
      <alignment vertical="center"/>
    </xf>
    <xf numFmtId="0" fontId="10" fillId="0" borderId="19" xfId="0" applyFont="1" applyBorder="1" applyAlignment="1">
      <alignment horizontal="center" vertical="center" wrapText="1"/>
    </xf>
    <xf numFmtId="0" fontId="10" fillId="0" borderId="32" xfId="0" applyFont="1" applyBorder="1" applyAlignment="1">
      <alignment horizontal="center" vertical="center" wrapText="1"/>
    </xf>
    <xf numFmtId="0" fontId="10" fillId="0" borderId="20" xfId="0" applyFont="1" applyBorder="1" applyAlignment="1">
      <alignment horizontal="center" vertical="center" wrapText="1"/>
    </xf>
    <xf numFmtId="0" fontId="10" fillId="0" borderId="44" xfId="0" applyFont="1" applyBorder="1" applyAlignment="1">
      <alignment horizontal="center" vertical="center" wrapText="1"/>
    </xf>
    <xf numFmtId="0" fontId="10" fillId="0" borderId="0" xfId="0" applyFont="1">
      <alignment vertical="center"/>
    </xf>
    <xf numFmtId="0" fontId="10" fillId="0" borderId="0" xfId="0" applyFont="1" applyBorder="1">
      <alignment vertical="center"/>
    </xf>
    <xf numFmtId="0" fontId="10" fillId="0" borderId="15" xfId="0" applyFont="1" applyBorder="1" applyAlignment="1">
      <alignment horizontal="center" vertical="center"/>
    </xf>
    <xf numFmtId="176" fontId="9" fillId="0" borderId="4" xfId="3" applyNumberFormat="1" applyFont="1" applyBorder="1">
      <alignment vertical="center"/>
    </xf>
    <xf numFmtId="176" fontId="9" fillId="0" borderId="14" xfId="3" applyNumberFormat="1" applyFont="1" applyBorder="1" applyAlignment="1">
      <alignment horizontal="right" vertical="center"/>
    </xf>
    <xf numFmtId="0" fontId="10" fillId="0" borderId="18" xfId="0" applyFont="1" applyBorder="1" applyAlignment="1">
      <alignment horizontal="center" vertical="center"/>
    </xf>
    <xf numFmtId="0" fontId="10" fillId="2" borderId="18" xfId="0" applyFont="1" applyFill="1" applyBorder="1" applyAlignment="1">
      <alignment horizontal="center" vertical="center"/>
    </xf>
    <xf numFmtId="176" fontId="9" fillId="2" borderId="4" xfId="3" applyNumberFormat="1" applyFont="1" applyFill="1" applyBorder="1">
      <alignment vertical="center"/>
    </xf>
    <xf numFmtId="176" fontId="9" fillId="2" borderId="57" xfId="3" applyNumberFormat="1" applyFont="1" applyFill="1" applyBorder="1">
      <alignment vertical="center"/>
    </xf>
    <xf numFmtId="0" fontId="10" fillId="0" borderId="24" xfId="0" applyFont="1" applyBorder="1" applyAlignment="1">
      <alignment horizontal="center" vertical="center"/>
    </xf>
    <xf numFmtId="176" fontId="9" fillId="0" borderId="37" xfId="3" applyNumberFormat="1" applyFont="1" applyBorder="1" applyAlignment="1">
      <alignment horizontal="right" vertical="center"/>
    </xf>
    <xf numFmtId="0" fontId="10" fillId="0" borderId="78" xfId="0" applyFont="1" applyBorder="1" applyAlignment="1">
      <alignment horizontal="center" vertical="center"/>
    </xf>
    <xf numFmtId="0" fontId="10" fillId="0" borderId="54" xfId="0" applyFont="1" applyBorder="1" applyAlignment="1">
      <alignment horizontal="center" vertical="center"/>
    </xf>
    <xf numFmtId="0" fontId="10" fillId="0" borderId="58" xfId="0" applyFont="1" applyBorder="1" applyAlignment="1">
      <alignment horizontal="center" vertical="center"/>
    </xf>
    <xf numFmtId="0" fontId="10" fillId="2" borderId="55" xfId="0" applyFont="1" applyFill="1" applyBorder="1" applyAlignment="1">
      <alignment horizontal="center" vertical="center"/>
    </xf>
    <xf numFmtId="0" fontId="10" fillId="0" borderId="0" xfId="0" applyFont="1" applyBorder="1" applyAlignment="1">
      <alignment horizontal="center" vertical="center"/>
    </xf>
    <xf numFmtId="0" fontId="10" fillId="0" borderId="10" xfId="0" applyFont="1" applyBorder="1" applyAlignment="1">
      <alignment horizontal="center" vertical="center" wrapText="1"/>
    </xf>
    <xf numFmtId="0" fontId="10" fillId="0" borderId="11" xfId="0" applyFont="1" applyBorder="1" applyAlignment="1">
      <alignment horizontal="center" vertical="center" wrapText="1"/>
    </xf>
    <xf numFmtId="0" fontId="10" fillId="0" borderId="13" xfId="0" applyFont="1" applyBorder="1" applyAlignment="1">
      <alignment horizontal="center" vertical="center"/>
    </xf>
    <xf numFmtId="0" fontId="10" fillId="0" borderId="16" xfId="0" applyFont="1" applyBorder="1" applyAlignment="1">
      <alignment horizontal="center" vertical="center"/>
    </xf>
    <xf numFmtId="0" fontId="10" fillId="2" borderId="16" xfId="0" applyFont="1" applyFill="1" applyBorder="1" applyAlignment="1">
      <alignment horizontal="center" vertical="center"/>
    </xf>
    <xf numFmtId="0" fontId="10" fillId="2" borderId="19" xfId="0" applyFont="1" applyFill="1" applyBorder="1" applyAlignment="1">
      <alignment horizontal="center" vertical="center"/>
    </xf>
    <xf numFmtId="0" fontId="10" fillId="0" borderId="22" xfId="0" applyFont="1" applyBorder="1" applyAlignment="1">
      <alignment horizontal="center" vertical="center"/>
    </xf>
    <xf numFmtId="0" fontId="10" fillId="0" borderId="0" xfId="0" applyFont="1" applyAlignment="1">
      <alignment horizontal="left" vertical="center"/>
    </xf>
    <xf numFmtId="0" fontId="10" fillId="0" borderId="51" xfId="0" applyFont="1" applyBorder="1" applyAlignment="1">
      <alignment horizontal="center" vertical="center" wrapText="1"/>
    </xf>
    <xf numFmtId="0" fontId="10" fillId="2" borderId="43" xfId="0" applyFont="1" applyFill="1" applyBorder="1" applyAlignment="1">
      <alignment horizontal="center" vertical="center"/>
    </xf>
    <xf numFmtId="0" fontId="14" fillId="0" borderId="0" xfId="0" applyFont="1" applyAlignment="1">
      <alignment horizontal="left" vertical="center"/>
    </xf>
    <xf numFmtId="178" fontId="14" fillId="0" borderId="0" xfId="2" applyNumberFormat="1" applyFont="1">
      <alignment vertical="center"/>
    </xf>
    <xf numFmtId="0" fontId="14" fillId="0" borderId="0" xfId="0" applyFont="1">
      <alignment vertical="center"/>
    </xf>
    <xf numFmtId="0" fontId="14" fillId="0" borderId="0" xfId="1" applyFont="1" applyAlignment="1">
      <alignment horizontal="left" vertical="center"/>
    </xf>
    <xf numFmtId="178" fontId="15" fillId="0" borderId="0" xfId="2" applyNumberFormat="1" applyFont="1" applyAlignment="1">
      <alignment horizontal="left" vertical="center"/>
    </xf>
    <xf numFmtId="0" fontId="9" fillId="0" borderId="19" xfId="1" applyFont="1" applyBorder="1" applyAlignment="1">
      <alignment horizontal="center" vertical="center"/>
    </xf>
    <xf numFmtId="0" fontId="9" fillId="0" borderId="22" xfId="1" applyFont="1" applyBorder="1" applyAlignment="1">
      <alignment horizontal="center" vertical="center"/>
    </xf>
    <xf numFmtId="0" fontId="12" fillId="0" borderId="51" xfId="1" applyFont="1" applyBorder="1" applyAlignment="1">
      <alignment horizontal="center" vertical="center"/>
    </xf>
    <xf numFmtId="0" fontId="9" fillId="0" borderId="10" xfId="1" applyFont="1" applyBorder="1" applyAlignment="1">
      <alignment horizontal="center" vertical="center"/>
    </xf>
    <xf numFmtId="0" fontId="9" fillId="0" borderId="51" xfId="1" applyFont="1" applyBorder="1" applyAlignment="1">
      <alignment horizontal="center" vertical="center"/>
    </xf>
    <xf numFmtId="0" fontId="9" fillId="0" borderId="13" xfId="1" applyFont="1" applyBorder="1" applyAlignment="1">
      <alignment horizontal="center" vertical="center"/>
    </xf>
    <xf numFmtId="0" fontId="9" fillId="0" borderId="16" xfId="1" applyFont="1" applyBorder="1" applyAlignment="1">
      <alignment horizontal="center" vertical="center"/>
    </xf>
    <xf numFmtId="0" fontId="9" fillId="0" borderId="11" xfId="1" applyFont="1" applyBorder="1" applyAlignment="1">
      <alignment horizontal="center" vertical="center"/>
    </xf>
    <xf numFmtId="0" fontId="9" fillId="0" borderId="11" xfId="1" applyFont="1" applyBorder="1" applyAlignment="1">
      <alignment horizontal="center" vertical="center" wrapText="1"/>
    </xf>
    <xf numFmtId="0" fontId="9" fillId="0" borderId="52" xfId="1" applyFont="1" applyBorder="1" applyAlignment="1">
      <alignment horizontal="center" vertical="center"/>
    </xf>
    <xf numFmtId="0" fontId="9" fillId="0" borderId="13" xfId="0" applyFont="1" applyFill="1" applyBorder="1" applyAlignment="1">
      <alignment horizontal="center" vertical="center"/>
    </xf>
    <xf numFmtId="0" fontId="9" fillId="0" borderId="108" xfId="0" applyFont="1" applyFill="1" applyBorder="1" applyAlignment="1">
      <alignment horizontal="center" vertical="center" wrapText="1"/>
    </xf>
    <xf numFmtId="0" fontId="9" fillId="0" borderId="19" xfId="0" applyFont="1" applyBorder="1" applyAlignment="1">
      <alignment horizontal="right" vertical="center"/>
    </xf>
    <xf numFmtId="0" fontId="10" fillId="0" borderId="99" xfId="0" applyFont="1" applyFill="1" applyBorder="1" applyAlignment="1">
      <alignment vertical="center"/>
    </xf>
    <xf numFmtId="0" fontId="10" fillId="0" borderId="45" xfId="0" applyFont="1" applyFill="1" applyBorder="1" applyAlignment="1">
      <alignment vertical="center"/>
    </xf>
    <xf numFmtId="0" fontId="16" fillId="0" borderId="11" xfId="0" applyFont="1" applyBorder="1" applyAlignment="1">
      <alignment horizontal="center" vertical="center" wrapText="1"/>
    </xf>
    <xf numFmtId="0" fontId="9" fillId="0" borderId="0" xfId="1" applyFont="1" applyBorder="1" applyAlignment="1">
      <alignment vertical="center"/>
    </xf>
    <xf numFmtId="0" fontId="9" fillId="0" borderId="78" xfId="1" applyFont="1" applyBorder="1" applyAlignment="1">
      <alignment horizontal="center" vertical="center"/>
    </xf>
    <xf numFmtId="0" fontId="9" fillId="0" borderId="54" xfId="1" applyFont="1" applyBorder="1" applyAlignment="1">
      <alignment horizontal="center" vertical="center"/>
    </xf>
    <xf numFmtId="0" fontId="9" fillId="0" borderId="55" xfId="1" applyFont="1" applyBorder="1" applyAlignment="1">
      <alignment horizontal="center" vertical="center"/>
    </xf>
    <xf numFmtId="0" fontId="9" fillId="0" borderId="76" xfId="1" applyFont="1" applyBorder="1" applyAlignment="1">
      <alignment horizontal="center" vertical="center"/>
    </xf>
    <xf numFmtId="0" fontId="12" fillId="0" borderId="52" xfId="1" applyFont="1" applyBorder="1" applyAlignment="1">
      <alignment horizontal="center" vertical="center"/>
    </xf>
    <xf numFmtId="0" fontId="12" fillId="0" borderId="50" xfId="1" applyFont="1" applyBorder="1" applyAlignment="1">
      <alignment horizontal="center" vertical="center"/>
    </xf>
    <xf numFmtId="0" fontId="9" fillId="0" borderId="24" xfId="0" applyFont="1" applyFill="1" applyBorder="1" applyAlignment="1">
      <alignment horizontal="center" vertical="center"/>
    </xf>
    <xf numFmtId="38" fontId="9" fillId="0" borderId="34" xfId="2" applyFont="1" applyFill="1" applyBorder="1">
      <alignment vertical="center"/>
    </xf>
    <xf numFmtId="38" fontId="9" fillId="0" borderId="35" xfId="2" applyFont="1" applyFill="1" applyBorder="1">
      <alignment vertical="center"/>
    </xf>
    <xf numFmtId="177" fontId="9" fillId="0" borderId="36" xfId="2" applyNumberFormat="1" applyFont="1" applyFill="1" applyBorder="1">
      <alignment vertical="center"/>
    </xf>
    <xf numFmtId="38" fontId="9" fillId="0" borderId="36" xfId="2" applyFont="1" applyFill="1" applyBorder="1">
      <alignment vertical="center"/>
    </xf>
    <xf numFmtId="176" fontId="9" fillId="0" borderId="37" xfId="3" applyNumberFormat="1" applyFont="1" applyFill="1" applyBorder="1">
      <alignment vertical="center"/>
    </xf>
    <xf numFmtId="0" fontId="9" fillId="0" borderId="0" xfId="0" applyFont="1" applyFill="1">
      <alignment vertical="center"/>
    </xf>
    <xf numFmtId="57" fontId="12" fillId="0" borderId="19" xfId="0" applyNumberFormat="1" applyFont="1" applyBorder="1" applyAlignment="1">
      <alignment horizontal="center" vertical="center" wrapText="1"/>
    </xf>
    <xf numFmtId="57" fontId="18" fillId="0" borderId="32" xfId="0" applyNumberFormat="1" applyFont="1" applyBorder="1" applyAlignment="1">
      <alignment horizontal="center" vertical="center" wrapText="1"/>
    </xf>
    <xf numFmtId="0" fontId="12" fillId="0" borderId="11" xfId="0" applyFont="1" applyBorder="1" applyAlignment="1">
      <alignment horizontal="center" vertical="center"/>
    </xf>
    <xf numFmtId="0" fontId="9" fillId="0" borderId="10" xfId="0" applyFont="1" applyFill="1" applyBorder="1" applyAlignment="1">
      <alignment horizontal="center" vertical="center" wrapText="1"/>
    </xf>
    <xf numFmtId="38" fontId="9" fillId="0" borderId="53" xfId="0" applyNumberFormat="1" applyFont="1" applyFill="1" applyBorder="1">
      <alignment vertical="center"/>
    </xf>
    <xf numFmtId="38" fontId="9" fillId="0" borderId="54" xfId="0" applyNumberFormat="1" applyFont="1" applyFill="1" applyBorder="1">
      <alignment vertical="center"/>
    </xf>
    <xf numFmtId="176" fontId="9" fillId="0" borderId="76" xfId="3" applyNumberFormat="1" applyFont="1" applyFill="1" applyBorder="1">
      <alignment vertical="center"/>
    </xf>
    <xf numFmtId="0" fontId="12" fillId="0" borderId="51" xfId="0" applyFont="1" applyBorder="1" applyAlignment="1">
      <alignment horizontal="center" vertical="center" wrapText="1"/>
    </xf>
    <xf numFmtId="0" fontId="17" fillId="0" borderId="51" xfId="0" applyFont="1" applyBorder="1" applyAlignment="1">
      <alignment horizontal="center" vertical="center" wrapText="1"/>
    </xf>
    <xf numFmtId="0" fontId="12" fillId="0" borderId="10" xfId="0" applyFont="1" applyBorder="1" applyAlignment="1">
      <alignment horizontal="center" vertical="center" wrapText="1"/>
    </xf>
    <xf numFmtId="0" fontId="12" fillId="0" borderId="52" xfId="0" applyFont="1" applyBorder="1" applyAlignment="1">
      <alignment horizontal="center" vertical="center" wrapText="1"/>
    </xf>
    <xf numFmtId="0" fontId="9" fillId="2" borderId="25" xfId="0" applyFont="1" applyFill="1" applyBorder="1" applyAlignment="1">
      <alignment horizontal="right" vertical="center"/>
    </xf>
    <xf numFmtId="0" fontId="9" fillId="2" borderId="23" xfId="0" applyFont="1" applyFill="1" applyBorder="1" applyAlignment="1">
      <alignment horizontal="right" vertical="center"/>
    </xf>
    <xf numFmtId="0" fontId="10" fillId="0" borderId="1" xfId="0" applyFont="1" applyBorder="1" applyAlignment="1">
      <alignment horizontal="right" vertical="center"/>
    </xf>
    <xf numFmtId="0" fontId="10" fillId="0" borderId="2" xfId="0" applyFont="1" applyBorder="1" applyAlignment="1">
      <alignment horizontal="right" vertical="center"/>
    </xf>
    <xf numFmtId="0" fontId="10" fillId="2" borderId="2" xfId="0" applyFont="1" applyFill="1" applyBorder="1" applyAlignment="1">
      <alignment horizontal="right" vertical="center"/>
    </xf>
    <xf numFmtId="0" fontId="10" fillId="2" borderId="32" xfId="0" applyFont="1" applyFill="1" applyBorder="1" applyAlignment="1">
      <alignment horizontal="right" vertical="center"/>
    </xf>
    <xf numFmtId="0" fontId="10" fillId="2" borderId="48" xfId="0" applyFont="1" applyFill="1" applyBorder="1" applyAlignment="1">
      <alignment horizontal="right" vertical="center"/>
    </xf>
    <xf numFmtId="0" fontId="10" fillId="2" borderId="39" xfId="0" applyFont="1" applyFill="1" applyBorder="1" applyAlignment="1">
      <alignment horizontal="right" vertical="center"/>
    </xf>
    <xf numFmtId="0" fontId="10" fillId="0" borderId="1" xfId="0" applyFont="1" applyBorder="1" applyAlignment="1">
      <alignment vertical="center"/>
    </xf>
    <xf numFmtId="0" fontId="10" fillId="0" borderId="2" xfId="0" applyFont="1" applyBorder="1" applyAlignment="1">
      <alignment vertical="center"/>
    </xf>
    <xf numFmtId="0" fontId="10" fillId="2" borderId="2" xfId="0" applyFont="1" applyFill="1" applyBorder="1" applyAlignment="1">
      <alignment vertical="center"/>
    </xf>
    <xf numFmtId="0" fontId="10" fillId="2" borderId="32" xfId="0" applyFont="1" applyFill="1" applyBorder="1" applyAlignment="1">
      <alignment vertical="center"/>
    </xf>
    <xf numFmtId="0" fontId="10" fillId="2" borderId="48" xfId="0" applyFont="1" applyFill="1" applyBorder="1" applyAlignment="1">
      <alignment vertical="center"/>
    </xf>
    <xf numFmtId="0" fontId="10" fillId="0" borderId="14" xfId="0" applyFont="1" applyBorder="1" applyAlignment="1">
      <alignment horizontal="right" vertical="center"/>
    </xf>
    <xf numFmtId="0" fontId="10" fillId="0" borderId="17" xfId="0" applyFont="1" applyBorder="1" applyAlignment="1">
      <alignment horizontal="right" vertical="center"/>
    </xf>
    <xf numFmtId="0" fontId="10" fillId="2" borderId="17" xfId="0" applyFont="1" applyFill="1" applyBorder="1" applyAlignment="1">
      <alignment horizontal="right" vertical="center"/>
    </xf>
    <xf numFmtId="0" fontId="10" fillId="2" borderId="20" xfId="0" applyFont="1" applyFill="1" applyBorder="1" applyAlignment="1">
      <alignment horizontal="right" vertical="center"/>
    </xf>
    <xf numFmtId="0" fontId="10" fillId="2" borderId="33" xfId="0" applyFont="1" applyFill="1" applyBorder="1" applyAlignment="1">
      <alignment horizontal="right" vertical="center"/>
    </xf>
    <xf numFmtId="49" fontId="9" fillId="2" borderId="1" xfId="2" applyNumberFormat="1" applyFont="1" applyFill="1" applyBorder="1" applyAlignment="1">
      <alignment horizontal="right" vertical="center"/>
    </xf>
    <xf numFmtId="49" fontId="9" fillId="2" borderId="2" xfId="2" applyNumberFormat="1" applyFont="1" applyFill="1" applyBorder="1" applyAlignment="1">
      <alignment horizontal="right" vertical="center"/>
    </xf>
    <xf numFmtId="49" fontId="9" fillId="2" borderId="32" xfId="2" applyNumberFormat="1" applyFont="1" applyFill="1" applyBorder="1" applyAlignment="1">
      <alignment horizontal="right" vertical="center"/>
    </xf>
    <xf numFmtId="180" fontId="9" fillId="0" borderId="14" xfId="2" applyNumberFormat="1" applyFont="1" applyBorder="1" applyAlignment="1">
      <alignment horizontal="right" vertical="center"/>
    </xf>
    <xf numFmtId="180" fontId="9" fillId="0" borderId="20" xfId="2" applyNumberFormat="1" applyFont="1" applyBorder="1" applyAlignment="1">
      <alignment horizontal="right" vertical="center"/>
    </xf>
    <xf numFmtId="181" fontId="9" fillId="0" borderId="23" xfId="2" applyNumberFormat="1" applyFont="1" applyBorder="1" applyAlignment="1">
      <alignment horizontal="right" vertical="center"/>
    </xf>
    <xf numFmtId="178" fontId="9" fillId="0" borderId="13" xfId="2" applyNumberFormat="1" applyFont="1" applyBorder="1">
      <alignment vertical="center"/>
    </xf>
    <xf numFmtId="178" fontId="9" fillId="0" borderId="7" xfId="2" applyNumberFormat="1" applyFont="1" applyBorder="1">
      <alignment vertical="center"/>
    </xf>
    <xf numFmtId="178" fontId="9" fillId="0" borderId="78" xfId="2" applyNumberFormat="1" applyFont="1" applyBorder="1">
      <alignment vertical="center"/>
    </xf>
    <xf numFmtId="178" fontId="9" fillId="0" borderId="33" xfId="2" applyNumberFormat="1" applyFont="1" applyBorder="1">
      <alignment vertical="center"/>
    </xf>
    <xf numFmtId="178" fontId="9" fillId="0" borderId="43" xfId="2" applyNumberFormat="1" applyFont="1" applyBorder="1">
      <alignment vertical="center"/>
    </xf>
    <xf numFmtId="178" fontId="9" fillId="0" borderId="46" xfId="2" applyNumberFormat="1" applyFont="1" applyBorder="1">
      <alignment vertical="center"/>
    </xf>
    <xf numFmtId="178" fontId="9" fillId="0" borderId="88" xfId="2" applyNumberFormat="1" applyFont="1" applyBorder="1">
      <alignment vertical="center"/>
    </xf>
    <xf numFmtId="178" fontId="9" fillId="0" borderId="53" xfId="2" applyNumberFormat="1" applyFont="1" applyBorder="1">
      <alignment vertical="center"/>
    </xf>
    <xf numFmtId="178" fontId="9" fillId="0" borderId="14" xfId="2" applyNumberFormat="1" applyFont="1" applyBorder="1">
      <alignment vertical="center"/>
    </xf>
    <xf numFmtId="178" fontId="9" fillId="2" borderId="13" xfId="2" applyNumberFormat="1" applyFont="1" applyFill="1" applyBorder="1">
      <alignment vertical="center"/>
    </xf>
    <xf numFmtId="178" fontId="9" fillId="2" borderId="7" xfId="2" applyNumberFormat="1" applyFont="1" applyFill="1" applyBorder="1">
      <alignment vertical="center"/>
    </xf>
    <xf numFmtId="178" fontId="9" fillId="2" borderId="53" xfId="2" applyNumberFormat="1" applyFont="1" applyFill="1" applyBorder="1">
      <alignment vertical="center"/>
    </xf>
    <xf numFmtId="178" fontId="9" fillId="2" borderId="14" xfId="2" applyNumberFormat="1" applyFont="1" applyFill="1" applyBorder="1">
      <alignment vertical="center"/>
    </xf>
    <xf numFmtId="178" fontId="9" fillId="2" borderId="46" xfId="2" applyNumberFormat="1" applyFont="1" applyFill="1" applyBorder="1">
      <alignment vertical="center"/>
    </xf>
    <xf numFmtId="178" fontId="9" fillId="2" borderId="88" xfId="2" applyNumberFormat="1" applyFont="1" applyFill="1" applyBorder="1">
      <alignment vertical="center"/>
    </xf>
    <xf numFmtId="178" fontId="9" fillId="2" borderId="19" xfId="2" applyNumberFormat="1" applyFont="1" applyFill="1" applyBorder="1">
      <alignment vertical="center"/>
    </xf>
    <xf numFmtId="178" fontId="9" fillId="2" borderId="32" xfId="2" applyNumberFormat="1" applyFont="1" applyFill="1" applyBorder="1">
      <alignment vertical="center"/>
    </xf>
    <xf numFmtId="178" fontId="9" fillId="2" borderId="20" xfId="2" applyNumberFormat="1" applyFont="1" applyFill="1" applyBorder="1">
      <alignment vertical="center"/>
    </xf>
    <xf numFmtId="178" fontId="9" fillId="2" borderId="79" xfId="2" applyNumberFormat="1" applyFont="1" applyFill="1" applyBorder="1">
      <alignment vertical="center"/>
    </xf>
    <xf numFmtId="178" fontId="9" fillId="2" borderId="93" xfId="2" applyNumberFormat="1" applyFont="1" applyFill="1" applyBorder="1">
      <alignment vertical="center"/>
    </xf>
    <xf numFmtId="178" fontId="9" fillId="0" borderId="22" xfId="2" applyNumberFormat="1" applyFont="1" applyBorder="1">
      <alignment vertical="center"/>
    </xf>
    <xf numFmtId="178" fontId="9" fillId="0" borderId="45" xfId="2" applyNumberFormat="1" applyFont="1" applyBorder="1">
      <alignment vertical="center"/>
    </xf>
    <xf numFmtId="178" fontId="9" fillId="2" borderId="76" xfId="2" applyNumberFormat="1" applyFont="1" applyFill="1" applyBorder="1">
      <alignment vertical="center"/>
    </xf>
    <xf numFmtId="178" fontId="9" fillId="2" borderId="37" xfId="2" applyNumberFormat="1" applyFont="1" applyFill="1" applyBorder="1">
      <alignment vertical="center"/>
    </xf>
    <xf numFmtId="178" fontId="9" fillId="2" borderId="34" xfId="2" applyNumberFormat="1" applyFont="1" applyFill="1" applyBorder="1">
      <alignment vertical="center"/>
    </xf>
    <xf numFmtId="178" fontId="9" fillId="2" borderId="80" xfId="2" applyNumberFormat="1" applyFont="1" applyFill="1" applyBorder="1">
      <alignment vertical="center"/>
    </xf>
    <xf numFmtId="178" fontId="9" fillId="2" borderId="91" xfId="2" applyNumberFormat="1" applyFont="1" applyFill="1" applyBorder="1">
      <alignment vertical="center"/>
    </xf>
    <xf numFmtId="178" fontId="9" fillId="2" borderId="43" xfId="2" applyNumberFormat="1" applyFont="1" applyFill="1" applyBorder="1">
      <alignment vertical="center"/>
    </xf>
    <xf numFmtId="178" fontId="9" fillId="2" borderId="33" xfId="2" applyNumberFormat="1" applyFont="1" applyFill="1" applyBorder="1">
      <alignment vertical="center"/>
    </xf>
    <xf numFmtId="178" fontId="9" fillId="0" borderId="19" xfId="2" applyNumberFormat="1" applyFont="1" applyBorder="1">
      <alignment vertical="center"/>
    </xf>
    <xf numFmtId="178" fontId="9" fillId="0" borderId="32" xfId="2" applyNumberFormat="1" applyFont="1" applyBorder="1">
      <alignment vertical="center"/>
    </xf>
    <xf numFmtId="178" fontId="9" fillId="0" borderId="79" xfId="2" applyNumberFormat="1" applyFont="1" applyBorder="1">
      <alignment vertical="center"/>
    </xf>
    <xf numFmtId="178" fontId="9" fillId="0" borderId="93" xfId="2" applyNumberFormat="1" applyFont="1" applyBorder="1">
      <alignment vertical="center"/>
    </xf>
    <xf numFmtId="178" fontId="9" fillId="2" borderId="36" xfId="2" applyNumberFormat="1" applyFont="1" applyFill="1" applyBorder="1">
      <alignment vertical="center"/>
    </xf>
    <xf numFmtId="178" fontId="9" fillId="2" borderId="35" xfId="2" applyNumberFormat="1" applyFont="1" applyFill="1" applyBorder="1">
      <alignment vertical="center"/>
    </xf>
    <xf numFmtId="178" fontId="9" fillId="0" borderId="34" xfId="2" applyNumberFormat="1" applyFont="1" applyBorder="1">
      <alignment vertical="center"/>
    </xf>
    <xf numFmtId="178" fontId="9" fillId="0" borderId="80" xfId="2" applyNumberFormat="1" applyFont="1" applyBorder="1">
      <alignment vertical="center"/>
    </xf>
    <xf numFmtId="176" fontId="9" fillId="0" borderId="0" xfId="3" applyNumberFormat="1" applyFont="1" applyBorder="1" applyAlignment="1">
      <alignment horizontal="right" vertical="center"/>
    </xf>
    <xf numFmtId="0" fontId="9" fillId="0" borderId="1" xfId="1" applyFont="1" applyBorder="1" applyAlignment="1">
      <alignment horizontal="right" vertical="center"/>
    </xf>
    <xf numFmtId="0" fontId="9" fillId="0" borderId="14" xfId="1" applyFont="1" applyBorder="1" applyAlignment="1">
      <alignment horizontal="right" vertical="center"/>
    </xf>
    <xf numFmtId="0" fontId="9" fillId="0" borderId="2" xfId="1" applyFont="1" applyBorder="1" applyAlignment="1">
      <alignment horizontal="right" vertical="center"/>
    </xf>
    <xf numFmtId="0" fontId="9" fillId="0" borderId="17" xfId="1" applyFont="1" applyBorder="1" applyAlignment="1">
      <alignment horizontal="right" vertical="center"/>
    </xf>
    <xf numFmtId="0" fontId="9" fillId="0" borderId="32" xfId="1" applyFont="1" applyBorder="1" applyAlignment="1">
      <alignment horizontal="right" vertical="center"/>
    </xf>
    <xf numFmtId="0" fontId="9" fillId="0" borderId="20" xfId="1" applyFont="1" applyBorder="1" applyAlignment="1">
      <alignment horizontal="right" vertical="center"/>
    </xf>
    <xf numFmtId="0" fontId="9" fillId="0" borderId="99" xfId="1" applyFont="1" applyBorder="1" applyAlignment="1">
      <alignment horizontal="right" vertical="center"/>
    </xf>
    <xf numFmtId="0" fontId="9" fillId="0" borderId="109" xfId="1" applyFont="1" applyBorder="1" applyAlignment="1">
      <alignment horizontal="right" vertical="center"/>
    </xf>
    <xf numFmtId="0" fontId="9" fillId="0" borderId="39" xfId="1" applyFont="1" applyBorder="1" applyAlignment="1">
      <alignment horizontal="right" vertical="center"/>
    </xf>
    <xf numFmtId="0" fontId="9" fillId="0" borderId="48" xfId="1" applyFont="1" applyBorder="1" applyAlignment="1">
      <alignment horizontal="right" vertical="center"/>
    </xf>
    <xf numFmtId="0" fontId="9" fillId="0" borderId="17" xfId="1" applyFont="1" applyBorder="1" applyAlignment="1">
      <alignment horizontal="right" vertical="center" wrapText="1"/>
    </xf>
    <xf numFmtId="0" fontId="9" fillId="0" borderId="110" xfId="1" applyFont="1" applyBorder="1" applyAlignment="1">
      <alignment horizontal="right" vertical="center"/>
    </xf>
    <xf numFmtId="0" fontId="9" fillId="0" borderId="108" xfId="1" applyFont="1" applyBorder="1" applyAlignment="1">
      <alignment horizontal="right" vertical="center"/>
    </xf>
    <xf numFmtId="0" fontId="9" fillId="0" borderId="20" xfId="1" applyFont="1" applyBorder="1" applyAlignment="1">
      <alignment horizontal="right" vertical="center" wrapText="1"/>
    </xf>
    <xf numFmtId="0" fontId="9" fillId="0" borderId="100" xfId="1" applyFont="1" applyBorder="1" applyAlignment="1">
      <alignment horizontal="right" vertical="center"/>
    </xf>
    <xf numFmtId="0" fontId="9" fillId="0" borderId="115" xfId="1" applyFont="1" applyBorder="1" applyAlignment="1">
      <alignment horizontal="right" vertical="center"/>
    </xf>
    <xf numFmtId="0" fontId="9" fillId="0" borderId="8" xfId="1" applyFont="1" applyBorder="1" applyAlignment="1">
      <alignment horizontal="right" vertical="center"/>
    </xf>
    <xf numFmtId="0" fontId="9" fillId="0" borderId="12" xfId="0" applyFont="1" applyFill="1" applyBorder="1" applyAlignment="1">
      <alignment horizontal="center" vertical="center"/>
    </xf>
    <xf numFmtId="0" fontId="9" fillId="0" borderId="4" xfId="0" applyFont="1" applyFill="1" applyBorder="1" applyAlignment="1">
      <alignment horizontal="left" vertical="center"/>
    </xf>
    <xf numFmtId="0" fontId="9" fillId="0" borderId="46" xfId="0" applyFont="1" applyFill="1" applyBorder="1" applyAlignment="1">
      <alignment horizontal="left" vertical="center"/>
    </xf>
    <xf numFmtId="0" fontId="9" fillId="0" borderId="15" xfId="0" applyFont="1" applyBorder="1" applyAlignment="1">
      <alignment vertical="center"/>
    </xf>
    <xf numFmtId="0" fontId="9" fillId="0" borderId="16" xfId="0" applyFont="1" applyFill="1" applyBorder="1" applyAlignment="1">
      <alignment horizontal="center" vertical="center"/>
    </xf>
    <xf numFmtId="0" fontId="9" fillId="0" borderId="3" xfId="0" applyFont="1" applyFill="1" applyBorder="1" applyAlignment="1">
      <alignment horizontal="left" vertical="center"/>
    </xf>
    <xf numFmtId="0" fontId="9" fillId="0" borderId="82" xfId="0" applyFont="1" applyFill="1" applyBorder="1" applyAlignment="1">
      <alignment horizontal="left" vertical="center"/>
    </xf>
    <xf numFmtId="0" fontId="9" fillId="0" borderId="18" xfId="0" applyFont="1" applyBorder="1" applyAlignment="1">
      <alignment vertical="center"/>
    </xf>
    <xf numFmtId="0" fontId="9" fillId="0" borderId="94" xfId="0" applyFont="1" applyFill="1" applyBorder="1" applyAlignment="1">
      <alignment horizontal="center" vertical="center" wrapText="1" shrinkToFit="1"/>
    </xf>
    <xf numFmtId="0" fontId="9" fillId="0" borderId="6" xfId="0" applyFont="1" applyFill="1" applyBorder="1" applyAlignment="1">
      <alignment horizontal="left" vertical="center"/>
    </xf>
    <xf numFmtId="0" fontId="9" fillId="0" borderId="47" xfId="0" applyFont="1" applyFill="1" applyBorder="1" applyAlignment="1">
      <alignment horizontal="left" vertical="center" wrapText="1" shrinkToFit="1"/>
    </xf>
    <xf numFmtId="0" fontId="9" fillId="0" borderId="19" xfId="0" applyFont="1" applyFill="1" applyBorder="1" applyAlignment="1">
      <alignment horizontal="center" vertical="center"/>
    </xf>
    <xf numFmtId="0" fontId="9" fillId="0" borderId="57" xfId="0" applyFont="1" applyFill="1" applyBorder="1" applyAlignment="1">
      <alignment horizontal="left" vertical="center"/>
    </xf>
    <xf numFmtId="0" fontId="9" fillId="0" borderId="79" xfId="0" applyFont="1" applyFill="1" applyBorder="1" applyAlignment="1">
      <alignment horizontal="left" vertical="center"/>
    </xf>
    <xf numFmtId="0" fontId="9" fillId="0" borderId="21" xfId="0" applyFont="1" applyBorder="1" applyAlignment="1">
      <alignment vertical="center"/>
    </xf>
    <xf numFmtId="0" fontId="9" fillId="0" borderId="76" xfId="0" applyFont="1" applyFill="1" applyBorder="1" applyAlignment="1">
      <alignment vertical="center"/>
    </xf>
    <xf numFmtId="0" fontId="9" fillId="0" borderId="80" xfId="0" applyFont="1" applyFill="1" applyBorder="1" applyAlignment="1">
      <alignment vertical="center"/>
    </xf>
    <xf numFmtId="0" fontId="9" fillId="0" borderId="24" xfId="0" applyFont="1" applyBorder="1" applyAlignment="1">
      <alignment vertical="center"/>
    </xf>
    <xf numFmtId="0" fontId="8" fillId="0" borderId="0" xfId="0" applyFont="1" applyAlignment="1">
      <alignment horizontal="left" vertical="center"/>
    </xf>
    <xf numFmtId="179" fontId="9" fillId="0" borderId="7" xfId="2" applyNumberFormat="1" applyFont="1" applyBorder="1" applyAlignment="1">
      <alignment horizontal="right" vertical="center"/>
    </xf>
    <xf numFmtId="179" fontId="9" fillId="0" borderId="8" xfId="2" applyNumberFormat="1" applyFont="1" applyBorder="1" applyAlignment="1">
      <alignment horizontal="right" vertical="center"/>
    </xf>
    <xf numFmtId="179" fontId="9" fillId="0" borderId="44" xfId="2" applyNumberFormat="1" applyFont="1" applyBorder="1" applyAlignment="1">
      <alignment horizontal="right" vertical="center"/>
    </xf>
    <xf numFmtId="179" fontId="9" fillId="2" borderId="99" xfId="2" applyNumberFormat="1" applyFont="1" applyFill="1" applyBorder="1" applyAlignment="1">
      <alignment horizontal="right" vertical="center"/>
    </xf>
    <xf numFmtId="179" fontId="9" fillId="0" borderId="45" xfId="2" applyNumberFormat="1" applyFont="1" applyBorder="1" applyAlignment="1">
      <alignment horizontal="right" vertical="center" wrapText="1"/>
    </xf>
    <xf numFmtId="0" fontId="9" fillId="0" borderId="13" xfId="0" applyFont="1" applyFill="1" applyBorder="1" applyAlignment="1">
      <alignment horizontal="right" vertical="center"/>
    </xf>
    <xf numFmtId="0" fontId="9" fillId="0" borderId="7" xfId="0" applyFont="1" applyFill="1" applyBorder="1" applyAlignment="1">
      <alignment horizontal="right" vertical="center" wrapText="1"/>
    </xf>
    <xf numFmtId="0" fontId="9" fillId="0" borderId="1" xfId="0" applyFont="1" applyFill="1" applyBorder="1" applyAlignment="1">
      <alignment horizontal="right" vertical="center" wrapText="1"/>
    </xf>
    <xf numFmtId="0" fontId="9" fillId="0" borderId="2" xfId="9" applyFont="1" applyBorder="1" applyAlignment="1">
      <alignment horizontal="right" vertical="center" wrapText="1"/>
    </xf>
    <xf numFmtId="0" fontId="9" fillId="0" borderId="8" xfId="9" applyFont="1" applyBorder="1" applyAlignment="1">
      <alignment horizontal="right" vertical="center"/>
    </xf>
    <xf numFmtId="0" fontId="9" fillId="0" borderId="2" xfId="9" applyFont="1" applyBorder="1" applyAlignment="1">
      <alignment horizontal="right" vertical="center"/>
    </xf>
    <xf numFmtId="0" fontId="9" fillId="0" borderId="9" xfId="9" applyFont="1" applyBorder="1" applyAlignment="1">
      <alignment horizontal="right" vertical="center"/>
    </xf>
    <xf numFmtId="0" fontId="9" fillId="0" borderId="5" xfId="9" applyFont="1" applyBorder="1" applyAlignment="1">
      <alignment horizontal="right" vertical="center"/>
    </xf>
    <xf numFmtId="0" fontId="9" fillId="0" borderId="44" xfId="9" applyFont="1" applyBorder="1" applyAlignment="1">
      <alignment horizontal="right" vertical="center"/>
    </xf>
    <xf numFmtId="0" fontId="9" fillId="0" borderId="32" xfId="9" applyFont="1" applyBorder="1" applyAlignment="1">
      <alignment horizontal="right" vertical="center"/>
    </xf>
    <xf numFmtId="38" fontId="10" fillId="0" borderId="14" xfId="2" applyFont="1" applyBorder="1" applyAlignment="1">
      <alignment horizontal="right" vertical="center"/>
    </xf>
    <xf numFmtId="38" fontId="10" fillId="0" borderId="17" xfId="2" applyFont="1" applyBorder="1" applyAlignment="1">
      <alignment horizontal="right" vertical="center"/>
    </xf>
    <xf numFmtId="38" fontId="10" fillId="2" borderId="17" xfId="2" applyFont="1" applyFill="1" applyBorder="1" applyAlignment="1">
      <alignment horizontal="right" vertical="center"/>
    </xf>
    <xf numFmtId="38" fontId="10" fillId="2" borderId="56" xfId="2" applyFont="1" applyFill="1" applyBorder="1" applyAlignment="1">
      <alignment horizontal="right" vertical="center"/>
    </xf>
    <xf numFmtId="0" fontId="9" fillId="0" borderId="19" xfId="9" applyFont="1" applyFill="1" applyBorder="1" applyAlignment="1">
      <alignment horizontal="center" vertical="center" wrapText="1"/>
    </xf>
    <xf numFmtId="0" fontId="9" fillId="0" borderId="110" xfId="0" applyFont="1" applyFill="1" applyBorder="1" applyAlignment="1">
      <alignment horizontal="center" vertical="center" wrapText="1"/>
    </xf>
    <xf numFmtId="38" fontId="9" fillId="2" borderId="0" xfId="0" applyNumberFormat="1" applyFont="1" applyFill="1">
      <alignment vertical="center"/>
    </xf>
    <xf numFmtId="0" fontId="9" fillId="0" borderId="52" xfId="0" applyFont="1" applyFill="1" applyBorder="1" applyAlignment="1">
      <alignment horizontal="center" vertical="center"/>
    </xf>
    <xf numFmtId="0" fontId="9" fillId="0" borderId="4" xfId="0" applyFont="1" applyBorder="1" applyAlignment="1">
      <alignment horizontal="right" vertical="center"/>
    </xf>
    <xf numFmtId="0" fontId="9" fillId="0" borderId="3" xfId="0" applyFont="1" applyBorder="1" applyAlignment="1">
      <alignment horizontal="right" vertical="center"/>
    </xf>
    <xf numFmtId="0" fontId="9" fillId="0" borderId="6" xfId="0" applyFont="1" applyBorder="1" applyAlignment="1">
      <alignment horizontal="right" vertical="center"/>
    </xf>
    <xf numFmtId="176" fontId="10" fillId="0" borderId="15" xfId="3" applyNumberFormat="1" applyFont="1" applyFill="1" applyBorder="1" applyAlignment="1">
      <alignment vertical="center"/>
    </xf>
    <xf numFmtId="176" fontId="10" fillId="0" borderId="18" xfId="3" applyNumberFormat="1" applyFont="1" applyFill="1" applyBorder="1" applyAlignment="1">
      <alignment vertical="center"/>
    </xf>
    <xf numFmtId="176" fontId="10" fillId="0" borderId="21" xfId="3" applyNumberFormat="1" applyFont="1" applyFill="1" applyBorder="1" applyAlignment="1">
      <alignment vertical="center"/>
    </xf>
    <xf numFmtId="176" fontId="10" fillId="0" borderId="25" xfId="3" applyNumberFormat="1" applyFont="1" applyFill="1" applyBorder="1" applyAlignment="1">
      <alignment vertical="center"/>
    </xf>
    <xf numFmtId="0" fontId="9" fillId="0" borderId="4" xfId="0" applyFont="1" applyFill="1" applyBorder="1" applyAlignment="1">
      <alignment horizontal="right" vertical="center" wrapText="1"/>
    </xf>
    <xf numFmtId="0" fontId="9" fillId="0" borderId="3" xfId="9" applyFont="1" applyBorder="1" applyAlignment="1">
      <alignment horizontal="right" vertical="center"/>
    </xf>
    <xf numFmtId="0" fontId="9" fillId="0" borderId="6" xfId="9" applyFont="1" applyBorder="1" applyAlignment="1">
      <alignment horizontal="right" vertical="center"/>
    </xf>
    <xf numFmtId="0" fontId="9" fillId="0" borderId="57" xfId="9" applyFont="1" applyBorder="1" applyAlignment="1">
      <alignment horizontal="right" vertical="center"/>
    </xf>
    <xf numFmtId="176" fontId="9" fillId="0" borderId="7" xfId="3" applyNumberFormat="1" applyFont="1" applyFill="1" applyBorder="1" applyAlignment="1">
      <alignment horizontal="right" vertical="center"/>
    </xf>
    <xf numFmtId="176" fontId="9" fillId="0" borderId="8" xfId="3" applyNumberFormat="1" applyFont="1" applyBorder="1" applyAlignment="1">
      <alignment horizontal="right" vertical="center"/>
    </xf>
    <xf numFmtId="176" fontId="9" fillId="0" borderId="9" xfId="3" applyNumberFormat="1" applyFont="1" applyBorder="1" applyAlignment="1">
      <alignment horizontal="right" vertical="center"/>
    </xf>
    <xf numFmtId="176" fontId="9" fillId="0" borderId="44" xfId="3" applyNumberFormat="1" applyFont="1" applyBorder="1" applyAlignment="1">
      <alignment horizontal="right" vertical="center"/>
    </xf>
    <xf numFmtId="176" fontId="10" fillId="0" borderId="45" xfId="3" applyNumberFormat="1" applyFont="1" applyFill="1" applyBorder="1" applyAlignment="1">
      <alignment vertical="center"/>
    </xf>
    <xf numFmtId="176" fontId="9" fillId="0" borderId="7" xfId="3" applyNumberFormat="1" applyFont="1" applyFill="1" applyBorder="1" applyAlignment="1">
      <alignment horizontal="right" vertical="center" wrapText="1"/>
    </xf>
    <xf numFmtId="176" fontId="9" fillId="0" borderId="1" xfId="3" applyNumberFormat="1" applyFont="1" applyFill="1" applyBorder="1" applyAlignment="1">
      <alignment horizontal="right" vertical="center" wrapText="1"/>
    </xf>
    <xf numFmtId="176" fontId="9" fillId="0" borderId="2" xfId="3" applyNumberFormat="1" applyFont="1" applyBorder="1" applyAlignment="1">
      <alignment horizontal="right" vertical="center"/>
    </xf>
    <xf numFmtId="176" fontId="9" fillId="0" borderId="5" xfId="3" applyNumberFormat="1" applyFont="1" applyBorder="1" applyAlignment="1">
      <alignment horizontal="right" vertical="center"/>
    </xf>
    <xf numFmtId="176" fontId="9" fillId="0" borderId="32" xfId="3" applyNumberFormat="1" applyFont="1" applyBorder="1" applyAlignment="1">
      <alignment horizontal="right" vertical="center"/>
    </xf>
    <xf numFmtId="176" fontId="10" fillId="0" borderId="99" xfId="3" applyNumberFormat="1" applyFont="1" applyFill="1" applyBorder="1" applyAlignment="1">
      <alignment vertical="center"/>
    </xf>
    <xf numFmtId="176" fontId="9" fillId="0" borderId="2" xfId="3" applyNumberFormat="1" applyFont="1" applyBorder="1" applyAlignment="1">
      <alignment horizontal="right" vertical="center" wrapText="1"/>
    </xf>
    <xf numFmtId="176" fontId="9" fillId="0" borderId="4" xfId="3" applyNumberFormat="1" applyFont="1" applyFill="1" applyBorder="1" applyAlignment="1">
      <alignment horizontal="right" vertical="center" wrapText="1"/>
    </xf>
    <xf numFmtId="176" fontId="9" fillId="0" borderId="3" xfId="3" applyNumberFormat="1" applyFont="1" applyBorder="1" applyAlignment="1">
      <alignment horizontal="right" vertical="center"/>
    </xf>
    <xf numFmtId="176" fontId="9" fillId="0" borderId="6" xfId="3" applyNumberFormat="1" applyFont="1" applyBorder="1" applyAlignment="1">
      <alignment horizontal="right" vertical="center"/>
    </xf>
    <xf numFmtId="176" fontId="9" fillId="0" borderId="57" xfId="3" applyNumberFormat="1" applyFont="1" applyBorder="1" applyAlignment="1">
      <alignment horizontal="right" vertical="center"/>
    </xf>
    <xf numFmtId="176" fontId="10" fillId="0" borderId="118" xfId="3" applyNumberFormat="1" applyFont="1" applyFill="1" applyBorder="1" applyAlignment="1">
      <alignment vertical="center"/>
    </xf>
    <xf numFmtId="176" fontId="9" fillId="0" borderId="14" xfId="3" applyNumberFormat="1" applyFont="1" applyFill="1" applyBorder="1" applyAlignment="1">
      <alignment horizontal="right" vertical="center" wrapText="1"/>
    </xf>
    <xf numFmtId="176" fontId="9" fillId="0" borderId="17" xfId="3" applyNumberFormat="1" applyFont="1" applyBorder="1" applyAlignment="1">
      <alignment horizontal="right" vertical="center"/>
    </xf>
    <xf numFmtId="176" fontId="9" fillId="0" borderId="56" xfId="3" applyNumberFormat="1" applyFont="1" applyBorder="1" applyAlignment="1">
      <alignment horizontal="right" vertical="center"/>
    </xf>
    <xf numFmtId="176" fontId="9" fillId="0" borderId="20" xfId="3" applyNumberFormat="1" applyFont="1" applyBorder="1" applyAlignment="1">
      <alignment horizontal="right" vertical="center"/>
    </xf>
    <xf numFmtId="176" fontId="10" fillId="0" borderId="99" xfId="3" applyNumberFormat="1" applyFont="1" applyBorder="1" applyAlignment="1">
      <alignment horizontal="right" vertical="center"/>
    </xf>
    <xf numFmtId="176" fontId="10" fillId="0" borderId="85" xfId="3" applyNumberFormat="1" applyFont="1" applyBorder="1" applyAlignment="1">
      <alignment horizontal="right" vertical="center"/>
    </xf>
    <xf numFmtId="176" fontId="10" fillId="0" borderId="23" xfId="3" applyNumberFormat="1" applyFont="1" applyBorder="1" applyAlignment="1">
      <alignment horizontal="right" vertical="center"/>
    </xf>
    <xf numFmtId="176" fontId="10" fillId="0" borderId="102" xfId="3" applyNumberFormat="1" applyFont="1" applyBorder="1" applyAlignment="1">
      <alignment horizontal="right" vertical="center"/>
    </xf>
    <xf numFmtId="0" fontId="10" fillId="0" borderId="33" xfId="0" applyFont="1" applyBorder="1" applyAlignment="1">
      <alignment vertical="center"/>
    </xf>
    <xf numFmtId="0" fontId="10" fillId="0" borderId="17" xfId="0" applyFont="1" applyBorder="1" applyAlignment="1">
      <alignment vertical="center"/>
    </xf>
    <xf numFmtId="0" fontId="10" fillId="2" borderId="17" xfId="0" applyFont="1" applyFill="1" applyBorder="1" applyAlignment="1">
      <alignment vertical="center"/>
    </xf>
    <xf numFmtId="0" fontId="10" fillId="2" borderId="20" xfId="0" applyFont="1" applyFill="1" applyBorder="1" applyAlignment="1">
      <alignment vertical="center"/>
    </xf>
    <xf numFmtId="0" fontId="10" fillId="2" borderId="33" xfId="0" applyFont="1" applyFill="1" applyBorder="1" applyAlignment="1">
      <alignment vertical="center"/>
    </xf>
    <xf numFmtId="176" fontId="10" fillId="0" borderId="120" xfId="3" applyNumberFormat="1" applyFont="1" applyBorder="1" applyAlignment="1">
      <alignment horizontal="right" vertical="center"/>
    </xf>
    <xf numFmtId="0" fontId="19" fillId="0" borderId="0" xfId="0" applyFont="1" applyAlignment="1">
      <alignment horizontal="center" vertical="center"/>
    </xf>
    <xf numFmtId="0" fontId="9" fillId="0" borderId="101" xfId="0" applyFont="1" applyBorder="1">
      <alignment vertical="center"/>
    </xf>
    <xf numFmtId="0" fontId="9" fillId="0" borderId="105" xfId="0" applyFont="1" applyBorder="1">
      <alignment vertical="center"/>
    </xf>
    <xf numFmtId="0" fontId="9" fillId="0" borderId="98" xfId="0" applyFont="1" applyBorder="1">
      <alignment vertical="center"/>
    </xf>
    <xf numFmtId="0" fontId="9" fillId="0" borderId="121" xfId="0" applyFont="1" applyBorder="1">
      <alignment vertical="center"/>
    </xf>
    <xf numFmtId="0" fontId="9" fillId="0" borderId="102" xfId="0" applyFont="1" applyBorder="1">
      <alignment vertical="center"/>
    </xf>
    <xf numFmtId="176" fontId="10" fillId="0" borderId="0" xfId="3" applyNumberFormat="1" applyFont="1" applyBorder="1" applyAlignment="1">
      <alignment horizontal="right" vertical="center"/>
    </xf>
    <xf numFmtId="176" fontId="10" fillId="0" borderId="0" xfId="3" applyNumberFormat="1" applyFont="1" applyBorder="1" applyAlignment="1">
      <alignment horizontal="left" vertical="center"/>
    </xf>
    <xf numFmtId="176" fontId="10" fillId="0" borderId="104" xfId="3" applyNumberFormat="1" applyFont="1" applyBorder="1" applyAlignment="1">
      <alignment horizontal="left" vertical="center"/>
    </xf>
    <xf numFmtId="176" fontId="10" fillId="0" borderId="101" xfId="3" applyNumberFormat="1" applyFont="1" applyBorder="1" applyAlignment="1">
      <alignment horizontal="right" vertical="center"/>
    </xf>
    <xf numFmtId="176" fontId="10" fillId="0" borderId="105" xfId="3" applyNumberFormat="1" applyFont="1" applyBorder="1" applyAlignment="1">
      <alignment horizontal="right" vertical="center"/>
    </xf>
    <xf numFmtId="176" fontId="10" fillId="0" borderId="58" xfId="3" applyNumberFormat="1" applyFont="1" applyBorder="1" applyAlignment="1">
      <alignment horizontal="left" vertical="center"/>
    </xf>
    <xf numFmtId="176" fontId="10" fillId="0" borderId="121" xfId="3" applyNumberFormat="1" applyFont="1" applyBorder="1" applyAlignment="1">
      <alignment horizontal="right" vertical="center"/>
    </xf>
    <xf numFmtId="176" fontId="10" fillId="0" borderId="73" xfId="3" applyNumberFormat="1" applyFont="1" applyBorder="1" applyAlignment="1">
      <alignment horizontal="left" vertical="center"/>
    </xf>
    <xf numFmtId="176" fontId="10" fillId="0" borderId="98" xfId="3" applyNumberFormat="1" applyFont="1" applyBorder="1" applyAlignment="1">
      <alignment horizontal="right" vertical="center"/>
    </xf>
    <xf numFmtId="0" fontId="9" fillId="0" borderId="14" xfId="0" applyFont="1" applyBorder="1" applyAlignment="1">
      <alignment horizontal="right" vertical="center"/>
    </xf>
    <xf numFmtId="0" fontId="9" fillId="0" borderId="17" xfId="0" applyFont="1" applyBorder="1" applyAlignment="1">
      <alignment horizontal="right" vertical="center"/>
    </xf>
    <xf numFmtId="0" fontId="9" fillId="2" borderId="17" xfId="0" applyFont="1" applyFill="1" applyBorder="1" applyAlignment="1">
      <alignment horizontal="right" vertical="center"/>
    </xf>
    <xf numFmtId="0" fontId="9" fillId="2" borderId="20" xfId="0" applyFont="1" applyFill="1" applyBorder="1" applyAlignment="1">
      <alignment horizontal="right" vertical="center"/>
    </xf>
    <xf numFmtId="0" fontId="9" fillId="2" borderId="16" xfId="0" applyFont="1" applyFill="1" applyBorder="1" applyAlignment="1">
      <alignment horizontal="center" vertical="center"/>
    </xf>
    <xf numFmtId="0" fontId="9" fillId="2" borderId="19" xfId="0" applyFont="1" applyFill="1" applyBorder="1" applyAlignment="1">
      <alignment horizontal="center" vertical="center"/>
    </xf>
    <xf numFmtId="0" fontId="9" fillId="0" borderId="22" xfId="0" applyFont="1" applyBorder="1" applyAlignment="1">
      <alignment horizontal="center" vertical="center"/>
    </xf>
    <xf numFmtId="0" fontId="10" fillId="2" borderId="0" xfId="3" applyNumberFormat="1" applyFont="1" applyFill="1" applyBorder="1" applyAlignment="1">
      <alignment horizontal="left" vertical="center"/>
    </xf>
    <xf numFmtId="0" fontId="9" fillId="2" borderId="0" xfId="3" applyNumberFormat="1" applyFont="1" applyFill="1" applyBorder="1" applyAlignment="1">
      <alignment horizontal="left" vertical="center"/>
    </xf>
    <xf numFmtId="0" fontId="9" fillId="0" borderId="104" xfId="0" applyFont="1" applyBorder="1">
      <alignment vertical="center"/>
    </xf>
    <xf numFmtId="0" fontId="10" fillId="2" borderId="101" xfId="3" applyNumberFormat="1" applyFont="1" applyFill="1" applyBorder="1" applyAlignment="1">
      <alignment horizontal="left" vertical="center"/>
    </xf>
    <xf numFmtId="0" fontId="9" fillId="0" borderId="73" xfId="0" applyFont="1" applyBorder="1">
      <alignment vertical="center"/>
    </xf>
    <xf numFmtId="0" fontId="10" fillId="2" borderId="98" xfId="3" applyNumberFormat="1" applyFont="1" applyFill="1" applyBorder="1" applyAlignment="1">
      <alignment horizontal="left" vertical="center"/>
    </xf>
    <xf numFmtId="0" fontId="10" fillId="2" borderId="121" xfId="3" applyNumberFormat="1" applyFont="1" applyFill="1" applyBorder="1" applyAlignment="1">
      <alignment horizontal="left" vertical="center"/>
    </xf>
    <xf numFmtId="176" fontId="9" fillId="0" borderId="4" xfId="3" applyNumberFormat="1" applyFont="1" applyFill="1" applyBorder="1">
      <alignment vertical="center"/>
    </xf>
    <xf numFmtId="0" fontId="9" fillId="0" borderId="15" xfId="0" applyFont="1" applyBorder="1" applyAlignment="1">
      <alignment horizontal="right" vertical="center"/>
    </xf>
    <xf numFmtId="0" fontId="9" fillId="2" borderId="15" xfId="0" applyFont="1" applyFill="1" applyBorder="1" applyAlignment="1">
      <alignment horizontal="right" vertical="center"/>
    </xf>
    <xf numFmtId="0" fontId="9" fillId="2" borderId="21" xfId="0" applyFont="1" applyFill="1" applyBorder="1" applyAlignment="1">
      <alignment horizontal="right" vertical="center"/>
    </xf>
    <xf numFmtId="176" fontId="9" fillId="0" borderId="17" xfId="0" applyNumberFormat="1" applyFont="1" applyBorder="1" applyAlignment="1">
      <alignment horizontal="right" vertical="center"/>
    </xf>
    <xf numFmtId="49" fontId="7" fillId="0" borderId="0" xfId="0" applyNumberFormat="1" applyFont="1" applyAlignment="1">
      <alignment horizontal="left" vertical="center"/>
    </xf>
    <xf numFmtId="0" fontId="9" fillId="0" borderId="119" xfId="9" applyFont="1" applyFill="1" applyBorder="1" applyAlignment="1">
      <alignment horizontal="center" vertical="center" wrapText="1"/>
    </xf>
    <xf numFmtId="0" fontId="9" fillId="0" borderId="20" xfId="9" applyFont="1" applyFill="1" applyBorder="1" applyAlignment="1">
      <alignment horizontal="center" vertical="center" wrapText="1"/>
    </xf>
    <xf numFmtId="0" fontId="9" fillId="0" borderId="23" xfId="1" applyFont="1" applyBorder="1" applyAlignment="1">
      <alignment horizontal="right" vertical="center"/>
    </xf>
    <xf numFmtId="0" fontId="9" fillId="0" borderId="0" xfId="1" applyFont="1" applyBorder="1" applyAlignment="1">
      <alignment horizontal="right" vertical="center"/>
    </xf>
    <xf numFmtId="0" fontId="9" fillId="0" borderId="104" xfId="1" applyFont="1" applyBorder="1" applyAlignment="1">
      <alignment horizontal="left" vertical="center"/>
    </xf>
    <xf numFmtId="0" fontId="9" fillId="0" borderId="101" xfId="1" applyFont="1" applyBorder="1" applyAlignment="1">
      <alignment horizontal="left" vertical="center"/>
    </xf>
    <xf numFmtId="0" fontId="9" fillId="0" borderId="105" xfId="1" applyFont="1" applyBorder="1" applyAlignment="1">
      <alignment horizontal="left" vertical="center"/>
    </xf>
    <xf numFmtId="0" fontId="9" fillId="0" borderId="73" xfId="1" applyFont="1" applyBorder="1" applyAlignment="1">
      <alignment horizontal="left" vertical="center"/>
    </xf>
    <xf numFmtId="0" fontId="9" fillId="0" borderId="98" xfId="1" applyFont="1" applyBorder="1" applyAlignment="1">
      <alignment horizontal="left" vertical="center"/>
    </xf>
    <xf numFmtId="0" fontId="9" fillId="0" borderId="58" xfId="1" applyFont="1" applyBorder="1" applyAlignment="1">
      <alignment horizontal="left" vertical="center"/>
    </xf>
    <xf numFmtId="0" fontId="9" fillId="0" borderId="121" xfId="1" applyFont="1" applyBorder="1" applyAlignment="1">
      <alignment horizontal="left" vertical="center"/>
    </xf>
    <xf numFmtId="0" fontId="9" fillId="0" borderId="102" xfId="1" applyFont="1" applyBorder="1" applyAlignment="1">
      <alignment horizontal="left" vertical="center"/>
    </xf>
    <xf numFmtId="0" fontId="12" fillId="0" borderId="52" xfId="1" applyFont="1" applyBorder="1" applyAlignment="1">
      <alignment horizontal="center" vertical="center" wrapText="1"/>
    </xf>
    <xf numFmtId="0" fontId="9" fillId="0" borderId="4" xfId="1" applyFont="1" applyBorder="1" applyAlignment="1">
      <alignment vertical="center" wrapText="1"/>
    </xf>
    <xf numFmtId="0" fontId="9" fillId="0" borderId="3" xfId="1" applyFont="1" applyBorder="1" applyAlignment="1">
      <alignment vertical="center" wrapText="1"/>
    </xf>
    <xf numFmtId="0" fontId="9" fillId="0" borderId="57" xfId="1" applyFont="1" applyBorder="1" applyAlignment="1">
      <alignment vertical="center" wrapText="1"/>
    </xf>
    <xf numFmtId="0" fontId="9" fillId="0" borderId="118" xfId="1" applyFont="1" applyBorder="1" applyAlignment="1">
      <alignment vertical="center"/>
    </xf>
    <xf numFmtId="0" fontId="9" fillId="0" borderId="4" xfId="1" applyFont="1" applyBorder="1" applyAlignment="1">
      <alignment horizontal="right" vertical="center" wrapText="1"/>
    </xf>
    <xf numFmtId="0" fontId="9" fillId="0" borderId="3" xfId="1" applyFont="1" applyBorder="1" applyAlignment="1">
      <alignment horizontal="right" vertical="center" wrapText="1"/>
    </xf>
    <xf numFmtId="0" fontId="9" fillId="0" borderId="57" xfId="1" applyFont="1" applyBorder="1" applyAlignment="1">
      <alignment horizontal="right" vertical="center" wrapText="1"/>
    </xf>
    <xf numFmtId="0" fontId="9" fillId="0" borderId="118" xfId="1" applyFont="1" applyBorder="1" applyAlignment="1">
      <alignment horizontal="right" vertical="center"/>
    </xf>
    <xf numFmtId="0" fontId="9" fillId="0" borderId="49" xfId="1" applyFont="1" applyBorder="1" applyAlignment="1">
      <alignment horizontal="center" vertical="center"/>
    </xf>
    <xf numFmtId="0" fontId="12" fillId="0" borderId="50" xfId="1" applyFont="1" applyBorder="1" applyAlignment="1">
      <alignment horizontal="center" vertical="center" wrapText="1"/>
    </xf>
    <xf numFmtId="0" fontId="9" fillId="0" borderId="7" xfId="1" applyFont="1" applyBorder="1" applyAlignment="1">
      <alignment vertical="center" wrapText="1"/>
    </xf>
    <xf numFmtId="0" fontId="9" fillId="0" borderId="8" xfId="1" applyFont="1" applyBorder="1" applyAlignment="1">
      <alignment vertical="center" wrapText="1"/>
    </xf>
    <xf numFmtId="0" fontId="9" fillId="0" borderId="44" xfId="1" applyFont="1" applyBorder="1" applyAlignment="1">
      <alignment vertical="center" wrapText="1"/>
    </xf>
    <xf numFmtId="0" fontId="9" fillId="0" borderId="45" xfId="1" applyFont="1" applyBorder="1" applyAlignment="1">
      <alignment vertical="center"/>
    </xf>
    <xf numFmtId="0" fontId="12" fillId="0" borderId="12" xfId="1" applyFont="1" applyBorder="1" applyAlignment="1">
      <alignment horizontal="center" vertical="center"/>
    </xf>
    <xf numFmtId="0" fontId="9" fillId="0" borderId="15" xfId="1" applyFont="1" applyBorder="1" applyAlignment="1">
      <alignment vertical="center"/>
    </xf>
    <xf numFmtId="0" fontId="9" fillId="0" borderId="18" xfId="1" applyFont="1" applyBorder="1" applyAlignment="1">
      <alignment vertical="center"/>
    </xf>
    <xf numFmtId="0" fontId="9" fillId="0" borderId="21" xfId="1" applyFont="1" applyBorder="1" applyAlignment="1">
      <alignment vertical="center"/>
    </xf>
    <xf numFmtId="0" fontId="9" fillId="0" borderId="24" xfId="1" applyFont="1" applyBorder="1" applyAlignment="1">
      <alignment vertical="center"/>
    </xf>
    <xf numFmtId="0" fontId="9" fillId="0" borderId="53" xfId="1" applyFont="1" applyBorder="1" applyAlignment="1">
      <alignment horizontal="center" vertical="center"/>
    </xf>
    <xf numFmtId="0" fontId="9" fillId="0" borderId="58" xfId="1" applyFont="1" applyBorder="1" applyAlignment="1">
      <alignment horizontal="center" vertical="center"/>
    </xf>
    <xf numFmtId="0" fontId="9" fillId="0" borderId="7" xfId="1" applyFont="1" applyBorder="1" applyAlignment="1">
      <alignment horizontal="right" vertical="center" wrapText="1"/>
    </xf>
    <xf numFmtId="0" fontId="9" fillId="0" borderId="8" xfId="1" applyFont="1" applyBorder="1" applyAlignment="1">
      <alignment horizontal="right" vertical="center" wrapText="1"/>
    </xf>
    <xf numFmtId="0" fontId="9" fillId="0" borderId="44" xfId="1" applyFont="1" applyBorder="1" applyAlignment="1">
      <alignment horizontal="right" vertical="center" wrapText="1"/>
    </xf>
    <xf numFmtId="0" fontId="9" fillId="0" borderId="45" xfId="1" applyFont="1" applyBorder="1" applyAlignment="1">
      <alignment horizontal="right" vertical="center"/>
    </xf>
    <xf numFmtId="0" fontId="9" fillId="0" borderId="15" xfId="1" applyFont="1" applyBorder="1" applyAlignment="1">
      <alignment horizontal="right" vertical="center"/>
    </xf>
    <xf numFmtId="0" fontId="9" fillId="0" borderId="18" xfId="1" applyFont="1" applyBorder="1" applyAlignment="1">
      <alignment horizontal="right" vertical="center"/>
    </xf>
    <xf numFmtId="0" fontId="9" fillId="0" borderId="21" xfId="1" applyFont="1" applyBorder="1" applyAlignment="1">
      <alignment horizontal="right" vertical="center"/>
    </xf>
    <xf numFmtId="0" fontId="9" fillId="0" borderId="24" xfId="1" applyFont="1" applyBorder="1" applyAlignment="1">
      <alignment horizontal="right" vertical="center"/>
    </xf>
    <xf numFmtId="0" fontId="9" fillId="0" borderId="122" xfId="1" applyFont="1" applyBorder="1" applyAlignment="1">
      <alignment vertical="center"/>
    </xf>
    <xf numFmtId="0" fontId="9" fillId="0" borderId="87" xfId="1" applyFont="1" applyBorder="1" applyAlignment="1">
      <alignment horizontal="center" vertical="center"/>
    </xf>
    <xf numFmtId="0" fontId="9" fillId="0" borderId="66" xfId="1" applyFont="1" applyBorder="1" applyAlignment="1">
      <alignment vertical="center"/>
    </xf>
    <xf numFmtId="0" fontId="9" fillId="0" borderId="65" xfId="1" applyFont="1" applyBorder="1" applyAlignment="1">
      <alignment vertical="center" wrapText="1"/>
    </xf>
    <xf numFmtId="0" fontId="9" fillId="0" borderId="89" xfId="1" applyFont="1" applyBorder="1" applyAlignment="1">
      <alignment vertical="center"/>
    </xf>
    <xf numFmtId="0" fontId="9" fillId="0" borderId="93" xfId="1" applyFont="1" applyBorder="1" applyAlignment="1">
      <alignment vertical="center"/>
    </xf>
    <xf numFmtId="0" fontId="9" fillId="0" borderId="91" xfId="1" applyFont="1" applyBorder="1" applyAlignment="1">
      <alignment vertical="center"/>
    </xf>
    <xf numFmtId="0" fontId="9" fillId="0" borderId="93" xfId="1" applyFont="1" applyBorder="1" applyAlignment="1">
      <alignment horizontal="right" vertical="center"/>
    </xf>
    <xf numFmtId="0" fontId="9" fillId="0" borderId="89" xfId="1" applyFont="1" applyBorder="1" applyAlignment="1">
      <alignment horizontal="right" vertical="center"/>
    </xf>
    <xf numFmtId="0" fontId="9" fillId="0" borderId="66" xfId="1" applyFont="1" applyBorder="1" applyAlignment="1">
      <alignment horizontal="right" vertical="center"/>
    </xf>
    <xf numFmtId="0" fontId="9" fillId="0" borderId="65" xfId="1" applyFont="1" applyBorder="1" applyAlignment="1">
      <alignment horizontal="right" vertical="center" wrapText="1"/>
    </xf>
    <xf numFmtId="0" fontId="9" fillId="0" borderId="91" xfId="1" applyFont="1" applyBorder="1" applyAlignment="1">
      <alignment horizontal="right" vertical="center"/>
    </xf>
    <xf numFmtId="0" fontId="9" fillId="0" borderId="123" xfId="1" applyFont="1" applyBorder="1" applyAlignment="1">
      <alignment horizontal="right" vertical="center"/>
    </xf>
    <xf numFmtId="0" fontId="9" fillId="0" borderId="0" xfId="0" applyFont="1" applyFill="1" applyBorder="1" applyAlignment="1">
      <alignment horizontal="center" vertical="center"/>
    </xf>
    <xf numFmtId="0" fontId="9" fillId="0" borderId="0" xfId="0" applyFont="1" applyBorder="1" applyAlignment="1">
      <alignment vertical="center"/>
    </xf>
    <xf numFmtId="0" fontId="9" fillId="0" borderId="77" xfId="0" applyFont="1" applyFill="1" applyBorder="1" applyAlignment="1">
      <alignment horizontal="right" vertical="center"/>
    </xf>
    <xf numFmtId="0" fontId="9" fillId="0" borderId="49" xfId="0" applyFont="1" applyFill="1" applyBorder="1" applyAlignment="1">
      <alignment vertical="center"/>
    </xf>
    <xf numFmtId="0" fontId="9" fillId="0" borderId="59" xfId="0" applyFont="1" applyFill="1" applyBorder="1" applyAlignment="1">
      <alignment vertical="center"/>
    </xf>
    <xf numFmtId="0" fontId="9" fillId="0" borderId="61" xfId="0" applyFont="1" applyFill="1" applyBorder="1" applyAlignment="1">
      <alignment vertical="center"/>
    </xf>
    <xf numFmtId="0" fontId="20" fillId="0" borderId="0" xfId="0" applyFont="1" applyAlignment="1">
      <alignment vertical="center"/>
    </xf>
    <xf numFmtId="0" fontId="17" fillId="0" borderId="0" xfId="0" applyFont="1">
      <alignment vertical="center"/>
    </xf>
    <xf numFmtId="0" fontId="17" fillId="2" borderId="0" xfId="0" applyFont="1" applyFill="1">
      <alignment vertical="center"/>
    </xf>
    <xf numFmtId="0" fontId="10" fillId="0" borderId="1" xfId="0" applyNumberFormat="1" applyFont="1" applyBorder="1" applyAlignment="1">
      <alignment horizontal="right" vertical="center"/>
    </xf>
    <xf numFmtId="0" fontId="9" fillId="0" borderId="14" xfId="0" applyNumberFormat="1" applyFont="1" applyBorder="1" applyAlignment="1">
      <alignment horizontal="right" vertical="center"/>
    </xf>
    <xf numFmtId="0" fontId="10" fillId="0" borderId="2" xfId="0" applyNumberFormat="1" applyFont="1" applyBorder="1" applyAlignment="1">
      <alignment horizontal="right" vertical="center"/>
    </xf>
    <xf numFmtId="0" fontId="9" fillId="0" borderId="17" xfId="0" applyNumberFormat="1" applyFont="1" applyBorder="1" applyAlignment="1">
      <alignment horizontal="right" vertical="center"/>
    </xf>
    <xf numFmtId="0" fontId="10" fillId="2" borderId="2" xfId="0" applyNumberFormat="1" applyFont="1" applyFill="1" applyBorder="1" applyAlignment="1">
      <alignment horizontal="right" vertical="center"/>
    </xf>
    <xf numFmtId="0" fontId="9" fillId="2" borderId="17" xfId="0" applyNumberFormat="1" applyFont="1" applyFill="1" applyBorder="1" applyAlignment="1">
      <alignment horizontal="right" vertical="center"/>
    </xf>
    <xf numFmtId="0" fontId="10" fillId="0" borderId="10" xfId="0" applyNumberFormat="1" applyFont="1" applyBorder="1" applyAlignment="1">
      <alignment horizontal="center" vertical="center" wrapText="1"/>
    </xf>
    <xf numFmtId="0" fontId="10" fillId="0" borderId="52" xfId="0" applyNumberFormat="1" applyFont="1" applyBorder="1" applyAlignment="1">
      <alignment horizontal="center" vertical="center" wrapText="1"/>
    </xf>
    <xf numFmtId="0" fontId="10" fillId="0" borderId="51" xfId="0" applyNumberFormat="1" applyFont="1" applyBorder="1" applyAlignment="1">
      <alignment horizontal="center" vertical="center" wrapText="1"/>
    </xf>
    <xf numFmtId="0" fontId="16" fillId="0" borderId="51" xfId="0" applyNumberFormat="1" applyFont="1" applyBorder="1" applyAlignment="1">
      <alignment horizontal="center" vertical="center" wrapText="1"/>
    </xf>
    <xf numFmtId="0" fontId="10" fillId="0" borderId="11" xfId="0" applyNumberFormat="1" applyFont="1" applyBorder="1" applyAlignment="1">
      <alignment horizontal="center" vertical="center" wrapText="1"/>
    </xf>
    <xf numFmtId="0" fontId="10" fillId="0" borderId="0" xfId="0" applyNumberFormat="1" applyFont="1" applyBorder="1" applyAlignment="1">
      <alignment horizontal="center" vertical="center"/>
    </xf>
    <xf numFmtId="0" fontId="10" fillId="0" borderId="0" xfId="3" applyNumberFormat="1" applyFont="1" applyBorder="1" applyAlignment="1">
      <alignment horizontal="right" vertical="center"/>
    </xf>
    <xf numFmtId="0" fontId="9" fillId="0" borderId="0" xfId="3" applyNumberFormat="1" applyFont="1" applyBorder="1" applyAlignment="1">
      <alignment horizontal="right" vertical="center"/>
    </xf>
    <xf numFmtId="0" fontId="10" fillId="2" borderId="102" xfId="3" applyNumberFormat="1" applyFont="1" applyFill="1" applyBorder="1" applyAlignment="1">
      <alignment horizontal="left" vertical="center"/>
    </xf>
    <xf numFmtId="0" fontId="9" fillId="2" borderId="101" xfId="3" applyNumberFormat="1" applyFont="1" applyFill="1" applyBorder="1" applyAlignment="1">
      <alignment horizontal="left" vertical="center"/>
    </xf>
    <xf numFmtId="0" fontId="9" fillId="2" borderId="105" xfId="3" applyNumberFormat="1" applyFont="1" applyFill="1" applyBorder="1" applyAlignment="1">
      <alignment horizontal="left" vertical="center"/>
    </xf>
    <xf numFmtId="0" fontId="9" fillId="2" borderId="104" xfId="3" applyNumberFormat="1" applyFont="1" applyFill="1" applyBorder="1" applyAlignment="1">
      <alignment horizontal="left" vertical="center"/>
    </xf>
    <xf numFmtId="0" fontId="10" fillId="2" borderId="73" xfId="3" applyNumberFormat="1" applyFont="1" applyFill="1" applyBorder="1" applyAlignment="1">
      <alignment horizontal="left" vertical="center"/>
    </xf>
    <xf numFmtId="0" fontId="10" fillId="2" borderId="58" xfId="3" applyNumberFormat="1" applyFont="1" applyFill="1" applyBorder="1" applyAlignment="1">
      <alignment horizontal="left" vertical="center"/>
    </xf>
    <xf numFmtId="0" fontId="10" fillId="2" borderId="43" xfId="0" applyNumberFormat="1" applyFont="1" applyFill="1" applyBorder="1" applyAlignment="1">
      <alignment horizontal="center" vertical="center"/>
    </xf>
    <xf numFmtId="0" fontId="10" fillId="2" borderId="48" xfId="0" applyNumberFormat="1" applyFont="1" applyFill="1" applyBorder="1" applyAlignment="1">
      <alignment horizontal="right" vertical="center"/>
    </xf>
    <xf numFmtId="0" fontId="9" fillId="2" borderId="33" xfId="0" applyNumberFormat="1" applyFont="1" applyFill="1" applyBorder="1" applyAlignment="1">
      <alignment horizontal="right" vertical="center"/>
    </xf>
    <xf numFmtId="0" fontId="16" fillId="0" borderId="22" xfId="0" applyNumberFormat="1" applyFont="1" applyBorder="1" applyAlignment="1">
      <alignment horizontal="center" vertical="center"/>
    </xf>
    <xf numFmtId="0" fontId="10" fillId="2" borderId="5" xfId="0" applyNumberFormat="1" applyFont="1" applyFill="1" applyBorder="1" applyAlignment="1">
      <alignment horizontal="right" vertical="center"/>
    </xf>
    <xf numFmtId="0" fontId="9" fillId="2" borderId="56" xfId="0" applyNumberFormat="1" applyFont="1" applyFill="1" applyBorder="1" applyAlignment="1">
      <alignment horizontal="right" vertical="center"/>
    </xf>
    <xf numFmtId="9" fontId="9" fillId="0" borderId="37" xfId="3" applyFont="1" applyFill="1" applyBorder="1">
      <alignment vertical="center"/>
    </xf>
    <xf numFmtId="0" fontId="9" fillId="2" borderId="126" xfId="0" applyFont="1" applyFill="1" applyBorder="1" applyAlignment="1">
      <alignment horizontal="center" vertical="center"/>
    </xf>
    <xf numFmtId="57" fontId="17" fillId="0" borderId="32" xfId="0" applyNumberFormat="1" applyFont="1" applyBorder="1" applyAlignment="1">
      <alignment horizontal="center" vertical="center" wrapText="1"/>
    </xf>
    <xf numFmtId="0" fontId="9" fillId="0" borderId="14" xfId="1" applyFont="1" applyBorder="1" applyAlignment="1">
      <alignment horizontal="right" vertical="center" wrapText="1"/>
    </xf>
    <xf numFmtId="176" fontId="9" fillId="2" borderId="17" xfId="3" applyNumberFormat="1" applyFont="1" applyFill="1" applyBorder="1" applyAlignment="1">
      <alignment horizontal="center" vertical="center"/>
    </xf>
    <xf numFmtId="176" fontId="9" fillId="2" borderId="14" xfId="3" applyNumberFormat="1" applyFont="1" applyFill="1" applyBorder="1" applyAlignment="1">
      <alignment horizontal="right" vertical="center"/>
    </xf>
    <xf numFmtId="176" fontId="9" fillId="0" borderId="14" xfId="3" applyNumberFormat="1" applyFont="1" applyBorder="1" applyAlignment="1">
      <alignment horizontal="center" vertical="center"/>
    </xf>
    <xf numFmtId="38" fontId="9" fillId="0" borderId="63" xfId="2" applyFont="1" applyFill="1" applyBorder="1" applyAlignment="1">
      <alignment horizontal="right" vertical="center" wrapText="1"/>
    </xf>
    <xf numFmtId="38" fontId="9" fillId="0" borderId="86" xfId="2" applyFont="1" applyBorder="1" applyAlignment="1">
      <alignment horizontal="right" vertical="center"/>
    </xf>
    <xf numFmtId="38" fontId="10" fillId="0" borderId="118" xfId="2" applyFont="1" applyFill="1" applyBorder="1" applyAlignment="1">
      <alignment vertical="center"/>
    </xf>
    <xf numFmtId="38" fontId="10" fillId="0" borderId="25" xfId="2" applyFont="1" applyFill="1" applyBorder="1" applyAlignment="1">
      <alignment vertical="center"/>
    </xf>
    <xf numFmtId="0" fontId="9" fillId="0" borderId="16" xfId="0" applyFont="1" applyBorder="1" applyAlignment="1">
      <alignment horizontal="center" vertical="center"/>
    </xf>
    <xf numFmtId="0" fontId="9" fillId="0" borderId="107" xfId="0" applyFont="1" applyBorder="1" applyAlignment="1">
      <alignment horizontal="center" vertical="center"/>
    </xf>
    <xf numFmtId="0" fontId="9" fillId="0" borderId="13" xfId="0" applyFont="1" applyBorder="1" applyAlignment="1">
      <alignment horizontal="center" vertical="center"/>
    </xf>
    <xf numFmtId="0" fontId="8" fillId="0" borderId="0" xfId="0" applyFont="1" applyAlignment="1">
      <alignment horizontal="right" vertical="center"/>
    </xf>
    <xf numFmtId="57" fontId="18" fillId="0" borderId="19" xfId="0" applyNumberFormat="1" applyFont="1" applyBorder="1" applyAlignment="1">
      <alignment horizontal="center" vertical="center" wrapText="1"/>
    </xf>
    <xf numFmtId="49" fontId="9" fillId="4" borderId="2" xfId="2" applyNumberFormat="1" applyFont="1" applyFill="1" applyBorder="1" applyAlignment="1">
      <alignment horizontal="right" vertical="center"/>
    </xf>
    <xf numFmtId="178" fontId="17" fillId="0" borderId="0" xfId="2" applyNumberFormat="1" applyFont="1">
      <alignment vertical="center"/>
    </xf>
    <xf numFmtId="0" fontId="12" fillId="0" borderId="0" xfId="0" applyFont="1">
      <alignment vertical="center"/>
    </xf>
    <xf numFmtId="38" fontId="10" fillId="0" borderId="75" xfId="2" applyFont="1" applyFill="1" applyBorder="1" applyAlignment="1">
      <alignment vertical="center"/>
    </xf>
    <xf numFmtId="0" fontId="9" fillId="0" borderId="80" xfId="0" applyFont="1" applyFill="1" applyBorder="1" applyAlignment="1">
      <alignment horizontal="right" vertical="center"/>
    </xf>
    <xf numFmtId="0" fontId="10" fillId="0" borderId="104" xfId="0" applyFont="1" applyBorder="1">
      <alignment vertical="center"/>
    </xf>
    <xf numFmtId="0" fontId="10" fillId="0" borderId="101" xfId="0" applyFont="1" applyBorder="1">
      <alignment vertical="center"/>
    </xf>
    <xf numFmtId="0" fontId="10" fillId="0" borderId="73" xfId="0" applyFont="1" applyBorder="1">
      <alignment vertical="center"/>
    </xf>
    <xf numFmtId="0" fontId="10" fillId="0" borderId="0" xfId="0" applyFont="1" applyBorder="1" applyAlignment="1">
      <alignment vertical="center"/>
    </xf>
    <xf numFmtId="0" fontId="10" fillId="0" borderId="58" xfId="0" applyFont="1" applyBorder="1">
      <alignment vertical="center"/>
    </xf>
    <xf numFmtId="0" fontId="10" fillId="0" borderId="121" xfId="0" applyFont="1" applyBorder="1">
      <alignment vertical="center"/>
    </xf>
    <xf numFmtId="0" fontId="10" fillId="0" borderId="58" xfId="0" applyFont="1" applyFill="1" applyBorder="1">
      <alignment vertical="center"/>
    </xf>
    <xf numFmtId="0" fontId="10" fillId="0" borderId="0" xfId="0" applyNumberFormat="1" applyFont="1">
      <alignment vertical="center"/>
    </xf>
    <xf numFmtId="0" fontId="10" fillId="0" borderId="105" xfId="0" applyFont="1" applyBorder="1">
      <alignment vertical="center"/>
    </xf>
    <xf numFmtId="0" fontId="10" fillId="0" borderId="98" xfId="0" applyFont="1" applyBorder="1">
      <alignment vertical="center"/>
    </xf>
    <xf numFmtId="0" fontId="10" fillId="0" borderId="102" xfId="0" applyFont="1" applyBorder="1">
      <alignment vertical="center"/>
    </xf>
    <xf numFmtId="0" fontId="9" fillId="0" borderId="30" xfId="0" applyFont="1" applyBorder="1" applyAlignment="1">
      <alignment horizontal="center" vertical="center"/>
    </xf>
    <xf numFmtId="0" fontId="9" fillId="0" borderId="31" xfId="0" applyFont="1" applyBorder="1" applyAlignment="1">
      <alignment horizontal="center" vertical="center"/>
    </xf>
    <xf numFmtId="0" fontId="9" fillId="0" borderId="26" xfId="0" applyFont="1" applyBorder="1" applyAlignment="1">
      <alignment horizontal="center" vertical="center"/>
    </xf>
    <xf numFmtId="0" fontId="9" fillId="0" borderId="27" xfId="0" applyFont="1" applyBorder="1" applyAlignment="1">
      <alignment horizontal="center" vertical="center"/>
    </xf>
    <xf numFmtId="0" fontId="9" fillId="0" borderId="28" xfId="0" applyFont="1" applyBorder="1" applyAlignment="1">
      <alignment horizontal="center" vertical="center"/>
    </xf>
    <xf numFmtId="178" fontId="9" fillId="0" borderId="97" xfId="2" applyNumberFormat="1" applyFont="1" applyBorder="1" applyAlignment="1">
      <alignment horizontal="center" vertical="center" wrapText="1"/>
    </xf>
    <xf numFmtId="178" fontId="9" fillId="0" borderId="114" xfId="2" applyNumberFormat="1" applyFont="1" applyBorder="1" applyAlignment="1">
      <alignment horizontal="center" vertical="center"/>
    </xf>
    <xf numFmtId="178" fontId="9" fillId="0" borderId="30" xfId="2" applyNumberFormat="1" applyFont="1" applyBorder="1" applyAlignment="1">
      <alignment horizontal="center" vertical="center"/>
    </xf>
    <xf numFmtId="178" fontId="9" fillId="0" borderId="31" xfId="2" applyNumberFormat="1" applyFont="1" applyBorder="1" applyAlignment="1">
      <alignment horizontal="center" vertical="center"/>
    </xf>
    <xf numFmtId="178" fontId="9" fillId="0" borderId="40" xfId="2" applyNumberFormat="1" applyFont="1" applyBorder="1" applyAlignment="1">
      <alignment horizontal="center" vertical="center"/>
    </xf>
    <xf numFmtId="178" fontId="9" fillId="0" borderId="41" xfId="2" applyNumberFormat="1" applyFont="1" applyBorder="1" applyAlignment="1">
      <alignment horizontal="center" vertical="center"/>
    </xf>
    <xf numFmtId="178" fontId="9" fillId="0" borderId="70" xfId="2" applyNumberFormat="1" applyFont="1" applyBorder="1" applyAlignment="1">
      <alignment horizontal="center" vertical="center"/>
    </xf>
    <xf numFmtId="178" fontId="9" fillId="0" borderId="104" xfId="2" applyNumberFormat="1" applyFont="1" applyBorder="1" applyAlignment="1">
      <alignment horizontal="center" vertical="center"/>
    </xf>
    <xf numFmtId="178" fontId="9" fillId="0" borderId="106" xfId="2" applyNumberFormat="1" applyFont="1" applyBorder="1" applyAlignment="1">
      <alignment horizontal="center" vertical="center"/>
    </xf>
    <xf numFmtId="178" fontId="9" fillId="0" borderId="111" xfId="2" applyNumberFormat="1" applyFont="1" applyBorder="1" applyAlignment="1">
      <alignment horizontal="center" vertical="center"/>
    </xf>
    <xf numFmtId="178" fontId="9" fillId="0" borderId="108" xfId="2" applyNumberFormat="1" applyFont="1" applyBorder="1" applyAlignment="1">
      <alignment horizontal="center" vertical="center"/>
    </xf>
    <xf numFmtId="178" fontId="9" fillId="0" borderId="42" xfId="2" applyNumberFormat="1" applyFont="1" applyBorder="1" applyAlignment="1">
      <alignment horizontal="center" vertical="center"/>
    </xf>
    <xf numFmtId="0" fontId="9" fillId="0" borderId="40" xfId="0" applyFont="1" applyBorder="1" applyAlignment="1">
      <alignment horizontal="center" vertical="center"/>
    </xf>
    <xf numFmtId="0" fontId="9" fillId="0" borderId="41" xfId="0" applyFont="1" applyBorder="1" applyAlignment="1">
      <alignment horizontal="center" vertical="center"/>
    </xf>
    <xf numFmtId="0" fontId="9" fillId="0" borderId="42" xfId="0" applyFont="1" applyBorder="1" applyAlignment="1">
      <alignment horizontal="center" vertical="center"/>
    </xf>
    <xf numFmtId="0" fontId="10" fillId="0" borderId="104" xfId="6" applyFont="1" applyBorder="1" applyAlignment="1">
      <alignment horizontal="center" vertical="center"/>
    </xf>
    <xf numFmtId="0" fontId="10" fillId="0" borderId="101" xfId="6" applyFont="1" applyBorder="1" applyAlignment="1">
      <alignment horizontal="center" vertical="center"/>
    </xf>
    <xf numFmtId="0" fontId="10" fillId="0" borderId="105" xfId="6" applyFont="1" applyBorder="1" applyAlignment="1">
      <alignment horizontal="center" vertical="center"/>
    </xf>
    <xf numFmtId="0" fontId="9" fillId="0" borderId="104" xfId="0" applyFont="1" applyBorder="1" applyAlignment="1">
      <alignment horizontal="center" vertical="center"/>
    </xf>
    <xf numFmtId="0" fontId="9" fillId="0" borderId="101" xfId="0" applyFont="1" applyBorder="1" applyAlignment="1">
      <alignment horizontal="center" vertical="center"/>
    </xf>
    <xf numFmtId="0" fontId="9" fillId="0" borderId="105" xfId="0" applyFont="1" applyBorder="1" applyAlignment="1">
      <alignment horizontal="center" vertical="center"/>
    </xf>
    <xf numFmtId="0" fontId="9" fillId="0" borderId="73" xfId="0" applyFont="1" applyBorder="1" applyAlignment="1">
      <alignment horizontal="center" vertical="center"/>
    </xf>
    <xf numFmtId="0" fontId="9" fillId="0" borderId="0" xfId="0" applyFont="1" applyBorder="1" applyAlignment="1">
      <alignment horizontal="center" vertical="center"/>
    </xf>
    <xf numFmtId="0" fontId="9" fillId="0" borderId="98" xfId="0" applyFont="1" applyBorder="1" applyAlignment="1">
      <alignment horizontal="center" vertical="center"/>
    </xf>
    <xf numFmtId="57" fontId="10" fillId="0" borderId="26" xfId="6" applyNumberFormat="1" applyFont="1" applyBorder="1" applyAlignment="1">
      <alignment horizontal="center" vertical="center" wrapText="1"/>
    </xf>
    <xf numFmtId="57" fontId="10" fillId="0" borderId="27" xfId="6" applyNumberFormat="1" applyFont="1" applyBorder="1" applyAlignment="1">
      <alignment horizontal="center" vertical="center" wrapText="1"/>
    </xf>
    <xf numFmtId="57" fontId="10" fillId="0" borderId="28" xfId="6" applyNumberFormat="1" applyFont="1" applyBorder="1" applyAlignment="1">
      <alignment horizontal="center" vertical="center" wrapText="1"/>
    </xf>
    <xf numFmtId="57" fontId="10" fillId="0" borderId="40" xfId="6" applyNumberFormat="1" applyFont="1" applyBorder="1" applyAlignment="1">
      <alignment horizontal="center" vertical="center" wrapText="1"/>
    </xf>
    <xf numFmtId="57" fontId="10" fillId="0" borderId="41" xfId="6" applyNumberFormat="1" applyFont="1" applyBorder="1" applyAlignment="1">
      <alignment horizontal="center" vertical="center" wrapText="1"/>
    </xf>
    <xf numFmtId="57" fontId="10" fillId="0" borderId="42" xfId="6" applyNumberFormat="1" applyFont="1" applyBorder="1" applyAlignment="1">
      <alignment horizontal="center" vertical="center" wrapText="1"/>
    </xf>
    <xf numFmtId="0" fontId="9" fillId="0" borderId="16" xfId="0" applyFont="1" applyBorder="1" applyAlignment="1">
      <alignment horizontal="center" vertical="center"/>
    </xf>
    <xf numFmtId="0" fontId="9" fillId="0" borderId="2" xfId="0" applyFont="1" applyBorder="1" applyAlignment="1">
      <alignment horizontal="center" vertical="center"/>
    </xf>
    <xf numFmtId="0" fontId="9" fillId="0" borderId="17" xfId="0" applyFont="1" applyBorder="1" applyAlignment="1">
      <alignment horizontal="center" vertical="center"/>
    </xf>
    <xf numFmtId="0" fontId="10" fillId="0" borderId="73" xfId="6" applyFont="1" applyBorder="1" applyAlignment="1">
      <alignment horizontal="center" vertical="center"/>
    </xf>
    <xf numFmtId="0" fontId="10" fillId="0" borderId="98" xfId="6" applyFont="1" applyBorder="1" applyAlignment="1">
      <alignment horizontal="center" vertical="center"/>
    </xf>
    <xf numFmtId="0" fontId="10" fillId="0" borderId="106" xfId="6" applyFont="1" applyBorder="1" applyAlignment="1">
      <alignment horizontal="center" vertical="center"/>
    </xf>
    <xf numFmtId="0" fontId="10" fillId="0" borderId="107" xfId="6" applyFont="1" applyBorder="1" applyAlignment="1">
      <alignment horizontal="center" vertical="center"/>
    </xf>
    <xf numFmtId="0" fontId="10" fillId="0" borderId="81" xfId="6" applyFont="1" applyBorder="1" applyAlignment="1">
      <alignment horizontal="center" vertical="center"/>
    </xf>
    <xf numFmtId="0" fontId="10" fillId="0" borderId="86" xfId="6" applyFont="1" applyBorder="1" applyAlignment="1">
      <alignment horizontal="center" vertical="center"/>
    </xf>
    <xf numFmtId="0" fontId="10" fillId="0" borderId="54" xfId="6" applyFont="1" applyBorder="1" applyAlignment="1">
      <alignment horizontal="center" vertical="center"/>
    </xf>
    <xf numFmtId="0" fontId="10" fillId="0" borderId="66" xfId="6" applyFont="1" applyBorder="1" applyAlignment="1">
      <alignment horizontal="center" vertical="center"/>
    </xf>
    <xf numFmtId="0" fontId="10" fillId="0" borderId="55" xfId="6" applyFont="1" applyBorder="1" applyAlignment="1">
      <alignment horizontal="center" vertical="center"/>
    </xf>
    <xf numFmtId="0" fontId="10" fillId="0" borderId="68" xfId="6" applyFont="1" applyBorder="1" applyAlignment="1">
      <alignment horizontal="center" vertical="center"/>
    </xf>
    <xf numFmtId="0" fontId="10" fillId="0" borderId="58" xfId="6" applyFont="1" applyBorder="1" applyAlignment="1">
      <alignment horizontal="center" vertical="center"/>
    </xf>
    <xf numFmtId="0" fontId="10" fillId="0" borderId="102" xfId="6" applyFont="1" applyBorder="1" applyAlignment="1">
      <alignment horizontal="center" vertical="center"/>
    </xf>
    <xf numFmtId="0" fontId="9" fillId="0" borderId="106" xfId="0" applyFont="1" applyBorder="1" applyAlignment="1">
      <alignment horizontal="center" vertical="center"/>
    </xf>
    <xf numFmtId="0" fontId="9" fillId="0" borderId="107" xfId="0" applyFont="1" applyBorder="1" applyAlignment="1">
      <alignment horizontal="center" vertical="center"/>
    </xf>
    <xf numFmtId="0" fontId="9" fillId="0" borderId="53" xfId="0" applyFont="1" applyBorder="1" applyAlignment="1">
      <alignment horizontal="center" vertical="center"/>
    </xf>
    <xf numFmtId="0" fontId="9" fillId="0" borderId="63" xfId="0" applyFont="1" applyBorder="1" applyAlignment="1">
      <alignment horizontal="center" vertical="center"/>
    </xf>
    <xf numFmtId="0" fontId="9" fillId="0" borderId="54" xfId="0" applyFont="1" applyBorder="1" applyAlignment="1">
      <alignment horizontal="center" vertical="center"/>
    </xf>
    <xf numFmtId="0" fontId="9" fillId="0" borderId="66" xfId="0" applyFont="1" applyBorder="1" applyAlignment="1">
      <alignment horizontal="center" vertical="center"/>
    </xf>
    <xf numFmtId="0" fontId="9" fillId="0" borderId="55" xfId="0" applyFont="1" applyBorder="1" applyAlignment="1">
      <alignment horizontal="center" vertical="center"/>
    </xf>
    <xf numFmtId="0" fontId="9" fillId="0" borderId="68" xfId="0" applyFont="1" applyBorder="1" applyAlignment="1">
      <alignment horizontal="center" vertical="center"/>
    </xf>
    <xf numFmtId="0" fontId="9" fillId="0" borderId="58" xfId="0" applyFont="1" applyBorder="1" applyAlignment="1">
      <alignment horizontal="center" vertical="center"/>
    </xf>
    <xf numFmtId="0" fontId="9" fillId="0" borderId="102" xfId="0" applyFont="1" applyBorder="1" applyAlignment="1">
      <alignment horizontal="center" vertical="center"/>
    </xf>
    <xf numFmtId="0" fontId="10" fillId="0" borderId="84" xfId="6" applyFont="1" applyBorder="1" applyAlignment="1">
      <alignment horizontal="center" vertical="center"/>
    </xf>
    <xf numFmtId="0" fontId="10" fillId="0" borderId="96" xfId="6" applyFont="1" applyBorder="1" applyAlignment="1">
      <alignment horizontal="center" vertical="center"/>
    </xf>
    <xf numFmtId="0" fontId="9" fillId="0" borderId="58" xfId="9" applyFont="1" applyFill="1" applyBorder="1" applyAlignment="1">
      <alignment horizontal="center" vertical="center" wrapText="1"/>
    </xf>
    <xf numFmtId="0" fontId="9" fillId="0" borderId="102" xfId="9" applyFont="1" applyFill="1" applyBorder="1" applyAlignment="1">
      <alignment horizontal="center" vertical="center" wrapText="1"/>
    </xf>
    <xf numFmtId="0" fontId="9" fillId="0" borderId="54" xfId="9" applyFont="1" applyFill="1" applyBorder="1" applyAlignment="1">
      <alignment horizontal="center" vertical="center" wrapText="1"/>
    </xf>
    <xf numFmtId="0" fontId="9" fillId="0" borderId="66" xfId="9" applyFont="1" applyFill="1" applyBorder="1" applyAlignment="1">
      <alignment horizontal="center" vertical="center" wrapText="1"/>
    </xf>
    <xf numFmtId="0" fontId="9" fillId="0" borderId="55" xfId="9" applyFont="1" applyFill="1" applyBorder="1" applyAlignment="1">
      <alignment horizontal="center" vertical="center" wrapText="1"/>
    </xf>
    <xf numFmtId="0" fontId="9" fillId="0" borderId="68" xfId="9" applyFont="1" applyFill="1" applyBorder="1" applyAlignment="1">
      <alignment horizontal="center" vertical="center" wrapText="1"/>
    </xf>
    <xf numFmtId="0" fontId="17" fillId="0" borderId="53" xfId="9" applyFont="1" applyFill="1" applyBorder="1" applyAlignment="1">
      <alignment horizontal="center" vertical="center" wrapText="1"/>
    </xf>
    <xf numFmtId="0" fontId="17" fillId="0" borderId="63" xfId="9" applyFont="1" applyFill="1" applyBorder="1" applyAlignment="1">
      <alignment horizontal="center" vertical="center" wrapText="1"/>
    </xf>
    <xf numFmtId="0" fontId="9" fillId="0" borderId="104" xfId="9" applyFont="1" applyFill="1" applyBorder="1" applyAlignment="1">
      <alignment horizontal="center" vertical="center" wrapText="1"/>
    </xf>
    <xf numFmtId="0" fontId="9" fillId="0" borderId="101" xfId="9" applyFont="1" applyFill="1" applyBorder="1" applyAlignment="1">
      <alignment horizontal="center" vertical="center" wrapText="1"/>
    </xf>
    <xf numFmtId="0" fontId="9" fillId="0" borderId="106" xfId="9" applyFont="1" applyFill="1" applyBorder="1" applyAlignment="1">
      <alignment horizontal="center" vertical="center" wrapText="1"/>
    </xf>
    <xf numFmtId="0" fontId="9" fillId="0" borderId="117" xfId="9" applyFont="1" applyFill="1" applyBorder="1" applyAlignment="1">
      <alignment horizontal="center" vertical="center" wrapText="1"/>
    </xf>
    <xf numFmtId="0" fontId="9" fillId="0" borderId="10" xfId="0" applyFont="1" applyFill="1" applyBorder="1" applyAlignment="1">
      <alignment horizontal="center" vertical="center"/>
    </xf>
    <xf numFmtId="0" fontId="9" fillId="0" borderId="51" xfId="0" applyFont="1" applyFill="1" applyBorder="1" applyAlignment="1">
      <alignment horizontal="center" vertical="center"/>
    </xf>
    <xf numFmtId="0" fontId="9" fillId="0" borderId="13" xfId="0" applyFont="1" applyBorder="1" applyAlignment="1">
      <alignment horizontal="center" vertical="center"/>
    </xf>
    <xf numFmtId="0" fontId="9" fillId="0" borderId="1" xfId="0" applyFont="1" applyBorder="1" applyAlignment="1">
      <alignment horizontal="center" vertical="center"/>
    </xf>
    <xf numFmtId="0" fontId="9" fillId="0" borderId="8" xfId="0" applyFont="1" applyBorder="1" applyAlignment="1">
      <alignment horizontal="center" vertical="center"/>
    </xf>
    <xf numFmtId="0" fontId="9" fillId="0" borderId="30" xfId="9" applyFont="1" applyFill="1" applyBorder="1" applyAlignment="1">
      <alignment horizontal="center" vertical="center" wrapText="1"/>
    </xf>
    <xf numFmtId="0" fontId="9" fillId="0" borderId="31" xfId="9" applyFont="1" applyFill="1" applyBorder="1" applyAlignment="1">
      <alignment horizontal="center" vertical="center" wrapText="1"/>
    </xf>
    <xf numFmtId="0" fontId="9" fillId="0" borderId="26" xfId="9" applyFont="1" applyFill="1" applyBorder="1" applyAlignment="1">
      <alignment horizontal="center" vertical="center" wrapText="1"/>
    </xf>
    <xf numFmtId="0" fontId="9" fillId="0" borderId="27" xfId="9" applyFont="1" applyFill="1" applyBorder="1" applyAlignment="1">
      <alignment horizontal="center" vertical="center" wrapText="1"/>
    </xf>
    <xf numFmtId="0" fontId="9" fillId="0" borderId="28" xfId="9" applyFont="1" applyFill="1" applyBorder="1" applyAlignment="1">
      <alignment horizontal="center" vertical="center" wrapText="1"/>
    </xf>
    <xf numFmtId="0" fontId="9" fillId="0" borderId="94" xfId="0" applyFont="1" applyBorder="1" applyAlignment="1">
      <alignment horizontal="center" vertical="center"/>
    </xf>
    <xf numFmtId="0" fontId="9" fillId="0" borderId="5" xfId="0" applyFont="1" applyBorder="1" applyAlignment="1">
      <alignment horizontal="center" vertical="center"/>
    </xf>
    <xf numFmtId="0" fontId="9" fillId="0" borderId="76" xfId="0" applyFont="1" applyBorder="1" applyAlignment="1">
      <alignment horizontal="center" vertical="center"/>
    </xf>
    <xf numFmtId="0" fontId="9" fillId="0" borderId="35" xfId="0" applyFont="1" applyBorder="1" applyAlignment="1">
      <alignment horizontal="center" vertical="center"/>
    </xf>
    <xf numFmtId="176" fontId="10" fillId="0" borderId="3" xfId="3" applyNumberFormat="1" applyFont="1" applyBorder="1" applyAlignment="1">
      <alignment horizontal="center" vertical="center"/>
    </xf>
    <xf numFmtId="176" fontId="10" fillId="0" borderId="8" xfId="3" applyNumberFormat="1" applyFont="1" applyBorder="1" applyAlignment="1">
      <alignment horizontal="center" vertical="center"/>
    </xf>
    <xf numFmtId="176" fontId="10" fillId="0" borderId="66" xfId="3" applyNumberFormat="1" applyFont="1" applyBorder="1" applyAlignment="1">
      <alignment horizontal="center" vertical="center"/>
    </xf>
    <xf numFmtId="176" fontId="10" fillId="0" borderId="116" xfId="3" applyNumberFormat="1" applyFont="1" applyBorder="1" applyAlignment="1">
      <alignment horizontal="center" vertical="center"/>
    </xf>
    <xf numFmtId="176" fontId="10" fillId="0" borderId="124" xfId="3" applyNumberFormat="1" applyFont="1" applyBorder="1" applyAlignment="1">
      <alignment horizontal="center" vertical="center"/>
    </xf>
    <xf numFmtId="176" fontId="10" fillId="0" borderId="29" xfId="3" applyNumberFormat="1" applyFont="1" applyBorder="1" applyAlignment="1">
      <alignment horizontal="center" vertical="center"/>
    </xf>
    <xf numFmtId="0" fontId="10" fillId="2" borderId="94" xfId="0" applyNumberFormat="1" applyFont="1" applyFill="1" applyBorder="1" applyAlignment="1">
      <alignment horizontal="center" vertical="center"/>
    </xf>
    <xf numFmtId="0" fontId="10" fillId="2" borderId="95" xfId="0" applyNumberFormat="1" applyFont="1" applyFill="1" applyBorder="1" applyAlignment="1">
      <alignment horizontal="center" vertical="center"/>
    </xf>
    <xf numFmtId="0" fontId="10" fillId="0" borderId="125" xfId="0" applyNumberFormat="1" applyFont="1" applyBorder="1" applyAlignment="1">
      <alignment horizontal="center" vertical="center"/>
    </xf>
    <xf numFmtId="0" fontId="10" fillId="0" borderId="13" xfId="0" applyNumberFormat="1" applyFont="1" applyBorder="1" applyAlignment="1">
      <alignment horizontal="center" vertical="center"/>
    </xf>
    <xf numFmtId="0" fontId="10" fillId="0" borderId="94" xfId="0" applyNumberFormat="1" applyFont="1" applyBorder="1" applyAlignment="1">
      <alignment horizontal="center" vertical="center"/>
    </xf>
    <xf numFmtId="0" fontId="10" fillId="2" borderId="13" xfId="0" applyNumberFormat="1" applyFont="1" applyFill="1" applyBorder="1" applyAlignment="1">
      <alignment horizontal="center" vertical="center"/>
    </xf>
    <xf numFmtId="0" fontId="10" fillId="0" borderId="40" xfId="0" applyFont="1" applyBorder="1" applyAlignment="1">
      <alignment horizontal="center" vertical="center"/>
    </xf>
    <xf numFmtId="0" fontId="10" fillId="0" borderId="41" xfId="0" applyFont="1" applyBorder="1" applyAlignment="1">
      <alignment horizontal="center" vertical="center"/>
    </xf>
    <xf numFmtId="0" fontId="10" fillId="0" borderId="42" xfId="0" applyFont="1" applyBorder="1" applyAlignment="1">
      <alignment horizontal="center" vertical="center"/>
    </xf>
    <xf numFmtId="0" fontId="10" fillId="0" borderId="69" xfId="0" applyFont="1" applyBorder="1" applyAlignment="1">
      <alignment horizontal="center" vertical="center"/>
    </xf>
    <xf numFmtId="0" fontId="10" fillId="0" borderId="70" xfId="0" applyFont="1" applyBorder="1" applyAlignment="1">
      <alignment horizontal="center" vertical="center"/>
    </xf>
    <xf numFmtId="0" fontId="10" fillId="0" borderId="30" xfId="0" applyFont="1" applyBorder="1" applyAlignment="1">
      <alignment horizontal="center" vertical="center" wrapText="1"/>
    </xf>
    <xf numFmtId="0" fontId="10" fillId="0" borderId="31" xfId="0" applyFont="1" applyBorder="1" applyAlignment="1">
      <alignment horizontal="center" vertical="center" wrapText="1"/>
    </xf>
    <xf numFmtId="0" fontId="9" fillId="0" borderId="0" xfId="1" applyFont="1" applyAlignment="1">
      <alignment horizontal="left" vertical="center" wrapText="1"/>
    </xf>
    <xf numFmtId="0" fontId="9" fillId="0" borderId="0" xfId="1" applyFont="1" applyAlignment="1">
      <alignment horizontal="left" vertical="center"/>
    </xf>
    <xf numFmtId="0" fontId="9" fillId="0" borderId="121" xfId="1" applyFont="1" applyBorder="1" applyAlignment="1">
      <alignment horizontal="left" vertical="center"/>
    </xf>
  </cellXfs>
  <cellStyles count="10">
    <cellStyle name="スタイル 1" xfId="4"/>
    <cellStyle name="スタイル 2" xfId="5"/>
    <cellStyle name="パーセント" xfId="3" builtinId="5"/>
    <cellStyle name="パーセント 2" xfId="7"/>
    <cellStyle name="桁区切り" xfId="2" builtinId="6"/>
    <cellStyle name="標準" xfId="0" builtinId="0"/>
    <cellStyle name="標準 2" xfId="1"/>
    <cellStyle name="標準 2 2" xfId="6"/>
    <cellStyle name="標準 2 2 2" xfId="8"/>
    <cellStyle name="標準_課程別離職状況２" xfId="9"/>
  </cellStyles>
  <dxfs count="1">
    <dxf>
      <fill>
        <patternFill>
          <bgColor theme="2"/>
        </patternFill>
      </fill>
    </dxf>
  </dxfs>
  <tableStyles count="1" defaultTableStyle="TableStyleMedium2" defaultPivotStyle="PivotStyleLight16">
    <tableStyle name="テーブル スタイル 1" pivot="0" count="1">
      <tableStyleElement type="totalRow" dxfId="0"/>
    </tableStyle>
  </tableStyles>
  <colors>
    <mruColors>
      <color rgb="FFFFCCFF"/>
      <color rgb="FFFFCCCC"/>
      <color rgb="FF00CC99"/>
      <color rgb="FFFFCC99"/>
      <color rgb="FFDAA6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Q37"/>
  <sheetViews>
    <sheetView tabSelected="1" showWhiteSpace="0" view="pageBreakPreview" zoomScale="80" zoomScaleNormal="100" zoomScaleSheetLayoutView="80" zoomScalePageLayoutView="50" workbookViewId="0"/>
  </sheetViews>
  <sheetFormatPr defaultColWidth="14.625" defaultRowHeight="20.100000000000001" customHeight="1" x14ac:dyDescent="0.15"/>
  <cols>
    <col min="1" max="1" width="3.875" style="2" customWidth="1"/>
    <col min="2" max="2" width="14.625" style="5"/>
    <col min="3" max="16384" width="14.625" style="2"/>
  </cols>
  <sheetData>
    <row r="1" spans="1:17" ht="20.100000000000001" customHeight="1" x14ac:dyDescent="0.15">
      <c r="A1" s="642" t="s">
        <v>376</v>
      </c>
      <c r="B1" s="294" t="s">
        <v>346</v>
      </c>
    </row>
    <row r="2" spans="1:17" ht="20.100000000000001" customHeight="1" x14ac:dyDescent="0.15">
      <c r="B2" s="294" t="s">
        <v>334</v>
      </c>
    </row>
    <row r="3" spans="1:17" ht="20.100000000000001" customHeight="1" x14ac:dyDescent="0.15">
      <c r="B3" s="294" t="s">
        <v>333</v>
      </c>
      <c r="E3" s="52" t="s">
        <v>300</v>
      </c>
      <c r="F3" s="53"/>
      <c r="G3" s="1"/>
      <c r="J3" s="3"/>
    </row>
    <row r="4" spans="1:17" ht="20.100000000000001" customHeight="1" x14ac:dyDescent="0.15">
      <c r="B4" s="4"/>
      <c r="C4" s="5"/>
      <c r="D4" s="5"/>
      <c r="E4" s="52" t="s">
        <v>103</v>
      </c>
      <c r="F4" s="52" t="s">
        <v>196</v>
      </c>
      <c r="G4" s="1"/>
    </row>
    <row r="5" spans="1:17" ht="20.100000000000001" customHeight="1" thickBot="1" x14ac:dyDescent="0.2">
      <c r="B5" s="6" t="s">
        <v>81</v>
      </c>
      <c r="E5" s="52" t="s">
        <v>96</v>
      </c>
      <c r="F5" s="52" t="s">
        <v>338</v>
      </c>
      <c r="G5" s="1"/>
    </row>
    <row r="6" spans="1:17" ht="20.100000000000001" customHeight="1" x14ac:dyDescent="0.15">
      <c r="B6" s="660" t="s">
        <v>8</v>
      </c>
      <c r="C6" s="662" t="s">
        <v>13</v>
      </c>
      <c r="D6" s="663"/>
      <c r="E6" s="663"/>
      <c r="F6" s="663"/>
      <c r="G6" s="664"/>
      <c r="H6" s="662" t="s">
        <v>14</v>
      </c>
      <c r="I6" s="663"/>
      <c r="J6" s="663"/>
      <c r="K6" s="663"/>
      <c r="L6" s="664"/>
      <c r="M6" s="662" t="s">
        <v>15</v>
      </c>
      <c r="N6" s="663"/>
      <c r="O6" s="663"/>
      <c r="P6" s="663"/>
      <c r="Q6" s="664"/>
    </row>
    <row r="7" spans="1:17" ht="20.100000000000001" customHeight="1" thickBot="1" x14ac:dyDescent="0.2">
      <c r="B7" s="661"/>
      <c r="C7" s="7" t="s">
        <v>198</v>
      </c>
      <c r="D7" s="8" t="s">
        <v>197</v>
      </c>
      <c r="E7" s="8" t="s">
        <v>195</v>
      </c>
      <c r="F7" s="8" t="s">
        <v>347</v>
      </c>
      <c r="G7" s="9" t="s">
        <v>299</v>
      </c>
      <c r="H7" s="7" t="s">
        <v>198</v>
      </c>
      <c r="I7" s="8" t="s">
        <v>197</v>
      </c>
      <c r="J7" s="8" t="s">
        <v>195</v>
      </c>
      <c r="K7" s="8" t="s">
        <v>347</v>
      </c>
      <c r="L7" s="9" t="s">
        <v>299</v>
      </c>
      <c r="M7" s="7" t="s">
        <v>198</v>
      </c>
      <c r="N7" s="8" t="s">
        <v>197</v>
      </c>
      <c r="O7" s="8" t="s">
        <v>195</v>
      </c>
      <c r="P7" s="8" t="s">
        <v>347</v>
      </c>
      <c r="Q7" s="9" t="s">
        <v>299</v>
      </c>
    </row>
    <row r="8" spans="1:17" s="16" customFormat="1" ht="20.100000000000001" customHeight="1" thickTop="1" x14ac:dyDescent="0.15">
      <c r="B8" s="10" t="s">
        <v>98</v>
      </c>
      <c r="C8" s="11">
        <v>2573</v>
      </c>
      <c r="D8" s="12">
        <v>2530</v>
      </c>
      <c r="E8" s="13">
        <v>2551.5</v>
      </c>
      <c r="F8" s="12">
        <v>395</v>
      </c>
      <c r="G8" s="14">
        <v>0.1548108955516363</v>
      </c>
      <c r="H8" s="11">
        <v>1877</v>
      </c>
      <c r="I8" s="12">
        <v>1849</v>
      </c>
      <c r="J8" s="13">
        <v>1863</v>
      </c>
      <c r="K8" s="12">
        <v>261</v>
      </c>
      <c r="L8" s="14">
        <v>0.14009661835748793</v>
      </c>
      <c r="M8" s="11">
        <v>696</v>
      </c>
      <c r="N8" s="12">
        <v>681</v>
      </c>
      <c r="O8" s="13">
        <v>688.5</v>
      </c>
      <c r="P8" s="12">
        <v>134</v>
      </c>
      <c r="Q8" s="15">
        <v>0.19462599854756718</v>
      </c>
    </row>
    <row r="9" spans="1:17" s="16" customFormat="1" ht="20.100000000000001" customHeight="1" x14ac:dyDescent="0.15">
      <c r="B9" s="17" t="s">
        <v>99</v>
      </c>
      <c r="C9" s="18">
        <v>6842</v>
      </c>
      <c r="D9" s="19">
        <v>6435</v>
      </c>
      <c r="E9" s="13">
        <v>6638.5</v>
      </c>
      <c r="F9" s="12">
        <v>1098</v>
      </c>
      <c r="G9" s="14">
        <v>0.16539880997213227</v>
      </c>
      <c r="H9" s="18">
        <v>5366</v>
      </c>
      <c r="I9" s="19">
        <v>5029</v>
      </c>
      <c r="J9" s="13">
        <v>5197.5</v>
      </c>
      <c r="K9" s="19">
        <v>801</v>
      </c>
      <c r="L9" s="14">
        <v>0.15411255411255412</v>
      </c>
      <c r="M9" s="18">
        <v>1476</v>
      </c>
      <c r="N9" s="19">
        <v>1406</v>
      </c>
      <c r="O9" s="13">
        <v>1441</v>
      </c>
      <c r="P9" s="19">
        <v>297</v>
      </c>
      <c r="Q9" s="20">
        <v>0.20610687022900764</v>
      </c>
    </row>
    <row r="10" spans="1:17" s="16" customFormat="1" ht="20.100000000000001" customHeight="1" x14ac:dyDescent="0.15">
      <c r="B10" s="17" t="s">
        <v>100</v>
      </c>
      <c r="C10" s="18">
        <v>6056</v>
      </c>
      <c r="D10" s="19">
        <v>5605</v>
      </c>
      <c r="E10" s="13">
        <v>5830.5</v>
      </c>
      <c r="F10" s="12">
        <v>933</v>
      </c>
      <c r="G10" s="14">
        <v>0.16002058142526371</v>
      </c>
      <c r="H10" s="18">
        <v>5181</v>
      </c>
      <c r="I10" s="19">
        <v>4791</v>
      </c>
      <c r="J10" s="13">
        <v>4986</v>
      </c>
      <c r="K10" s="19">
        <v>782</v>
      </c>
      <c r="L10" s="14">
        <v>0.156839149618933</v>
      </c>
      <c r="M10" s="18">
        <v>875</v>
      </c>
      <c r="N10" s="19">
        <v>814</v>
      </c>
      <c r="O10" s="13">
        <v>844.5</v>
      </c>
      <c r="P10" s="19">
        <v>151</v>
      </c>
      <c r="Q10" s="20">
        <v>0.17880402605091769</v>
      </c>
    </row>
    <row r="11" spans="1:17" s="16" customFormat="1" ht="20.100000000000001" customHeight="1" x14ac:dyDescent="0.15">
      <c r="B11" s="17" t="s">
        <v>101</v>
      </c>
      <c r="C11" s="18">
        <v>5156</v>
      </c>
      <c r="D11" s="19">
        <v>5022</v>
      </c>
      <c r="E11" s="13">
        <v>5089</v>
      </c>
      <c r="F11" s="12">
        <v>628</v>
      </c>
      <c r="G11" s="14">
        <v>0.1234034191393201</v>
      </c>
      <c r="H11" s="18">
        <v>4712</v>
      </c>
      <c r="I11" s="19">
        <v>4593</v>
      </c>
      <c r="J11" s="13">
        <v>4652.5</v>
      </c>
      <c r="K11" s="19">
        <v>551</v>
      </c>
      <c r="L11" s="14">
        <v>0.1184309511015583</v>
      </c>
      <c r="M11" s="18">
        <v>444</v>
      </c>
      <c r="N11" s="19">
        <v>429</v>
      </c>
      <c r="O11" s="13">
        <v>436.5</v>
      </c>
      <c r="P11" s="19">
        <v>77</v>
      </c>
      <c r="Q11" s="20">
        <v>0.17640320733104239</v>
      </c>
    </row>
    <row r="12" spans="1:17" s="16" customFormat="1" ht="20.100000000000001" customHeight="1" x14ac:dyDescent="0.15">
      <c r="B12" s="17" t="s">
        <v>102</v>
      </c>
      <c r="C12" s="18">
        <v>6308</v>
      </c>
      <c r="D12" s="19">
        <v>6003</v>
      </c>
      <c r="E12" s="13">
        <v>6155.5</v>
      </c>
      <c r="F12" s="12">
        <v>750</v>
      </c>
      <c r="G12" s="14">
        <v>0.12184225489399723</v>
      </c>
      <c r="H12" s="18">
        <v>5627</v>
      </c>
      <c r="I12" s="19">
        <v>5362</v>
      </c>
      <c r="J12" s="13">
        <v>5494.5</v>
      </c>
      <c r="K12" s="19">
        <v>638</v>
      </c>
      <c r="L12" s="14">
        <v>0.11611611611611612</v>
      </c>
      <c r="M12" s="18">
        <v>681</v>
      </c>
      <c r="N12" s="19">
        <v>641</v>
      </c>
      <c r="O12" s="13">
        <v>661</v>
      </c>
      <c r="P12" s="19">
        <v>112</v>
      </c>
      <c r="Q12" s="20">
        <v>0.16944024205748864</v>
      </c>
    </row>
    <row r="13" spans="1:17" s="27" customFormat="1" ht="20.100000000000001" customHeight="1" thickBot="1" x14ac:dyDescent="0.2">
      <c r="B13" s="21" t="s">
        <v>11</v>
      </c>
      <c r="C13" s="22">
        <v>15890</v>
      </c>
      <c r="D13" s="23">
        <v>15219</v>
      </c>
      <c r="E13" s="24">
        <v>15554.5</v>
      </c>
      <c r="F13" s="25">
        <v>1827</v>
      </c>
      <c r="G13" s="26">
        <v>0.11745797036227458</v>
      </c>
      <c r="H13" s="22">
        <v>15152</v>
      </c>
      <c r="I13" s="23">
        <v>14479</v>
      </c>
      <c r="J13" s="24">
        <v>14815.5</v>
      </c>
      <c r="K13" s="23">
        <v>1706</v>
      </c>
      <c r="L13" s="26">
        <v>0.11514967432756235</v>
      </c>
      <c r="M13" s="22">
        <v>738</v>
      </c>
      <c r="N13" s="23">
        <v>740</v>
      </c>
      <c r="O13" s="24">
        <v>739</v>
      </c>
      <c r="P13" s="23">
        <v>121</v>
      </c>
      <c r="Q13" s="26">
        <v>0.16373477672530445</v>
      </c>
    </row>
    <row r="14" spans="1:17" s="16" customFormat="1" ht="20.100000000000001" customHeight="1" thickTop="1" thickBot="1" x14ac:dyDescent="0.2">
      <c r="B14" s="28" t="s">
        <v>16</v>
      </c>
      <c r="C14" s="29">
        <v>42825</v>
      </c>
      <c r="D14" s="30">
        <v>40814</v>
      </c>
      <c r="E14" s="31">
        <v>41819.5</v>
      </c>
      <c r="F14" s="32">
        <v>5631</v>
      </c>
      <c r="G14" s="33">
        <v>0.13465010342065303</v>
      </c>
      <c r="H14" s="29">
        <v>37915</v>
      </c>
      <c r="I14" s="30">
        <v>36103</v>
      </c>
      <c r="J14" s="31">
        <v>37009</v>
      </c>
      <c r="K14" s="32">
        <v>4739</v>
      </c>
      <c r="L14" s="33">
        <v>0.12804993379988652</v>
      </c>
      <c r="M14" s="29">
        <v>4910</v>
      </c>
      <c r="N14" s="30">
        <v>4711</v>
      </c>
      <c r="O14" s="31">
        <v>4810.5</v>
      </c>
      <c r="P14" s="32">
        <v>892</v>
      </c>
      <c r="Q14" s="33">
        <v>0.18542771021723314</v>
      </c>
    </row>
    <row r="16" spans="1:17" ht="20.100000000000001" customHeight="1" thickBot="1" x14ac:dyDescent="0.2">
      <c r="B16" s="6" t="s">
        <v>17</v>
      </c>
    </row>
    <row r="17" spans="2:17" ht="20.100000000000001" customHeight="1" x14ac:dyDescent="0.15">
      <c r="B17" s="660" t="s">
        <v>82</v>
      </c>
      <c r="C17" s="662" t="s">
        <v>13</v>
      </c>
      <c r="D17" s="663"/>
      <c r="E17" s="663"/>
      <c r="F17" s="663"/>
      <c r="G17" s="664"/>
      <c r="H17" s="662" t="s">
        <v>14</v>
      </c>
      <c r="I17" s="663"/>
      <c r="J17" s="663"/>
      <c r="K17" s="663"/>
      <c r="L17" s="664"/>
      <c r="M17" s="662" t="s">
        <v>15</v>
      </c>
      <c r="N17" s="663"/>
      <c r="O17" s="663"/>
      <c r="P17" s="663"/>
      <c r="Q17" s="664"/>
    </row>
    <row r="18" spans="2:17" ht="20.100000000000001" customHeight="1" thickBot="1" x14ac:dyDescent="0.2">
      <c r="B18" s="661"/>
      <c r="C18" s="7" t="s">
        <v>198</v>
      </c>
      <c r="D18" s="8" t="s">
        <v>197</v>
      </c>
      <c r="E18" s="8" t="s">
        <v>195</v>
      </c>
      <c r="F18" s="8" t="s">
        <v>347</v>
      </c>
      <c r="G18" s="9" t="s">
        <v>299</v>
      </c>
      <c r="H18" s="7" t="s">
        <v>198</v>
      </c>
      <c r="I18" s="8" t="s">
        <v>197</v>
      </c>
      <c r="J18" s="8" t="s">
        <v>195</v>
      </c>
      <c r="K18" s="8" t="s">
        <v>347</v>
      </c>
      <c r="L18" s="9" t="s">
        <v>299</v>
      </c>
      <c r="M18" s="7" t="s">
        <v>198</v>
      </c>
      <c r="N18" s="8" t="s">
        <v>197</v>
      </c>
      <c r="O18" s="8" t="s">
        <v>195</v>
      </c>
      <c r="P18" s="8" t="s">
        <v>347</v>
      </c>
      <c r="Q18" s="9" t="s">
        <v>299</v>
      </c>
    </row>
    <row r="19" spans="2:17" ht="20.100000000000001" customHeight="1" thickTop="1" x14ac:dyDescent="0.15">
      <c r="B19" s="34" t="s">
        <v>18</v>
      </c>
      <c r="C19" s="35">
        <v>315</v>
      </c>
      <c r="D19" s="36">
        <v>303</v>
      </c>
      <c r="E19" s="37">
        <v>309</v>
      </c>
      <c r="F19" s="36">
        <v>28</v>
      </c>
      <c r="G19" s="38">
        <v>9.0614886731391592E-2</v>
      </c>
      <c r="H19" s="11">
        <v>296</v>
      </c>
      <c r="I19" s="12">
        <v>282</v>
      </c>
      <c r="J19" s="13">
        <v>289</v>
      </c>
      <c r="K19" s="12">
        <v>26</v>
      </c>
      <c r="L19" s="14">
        <v>8.9965397923875437E-2</v>
      </c>
      <c r="M19" s="11">
        <v>19</v>
      </c>
      <c r="N19" s="12">
        <v>21</v>
      </c>
      <c r="O19" s="13">
        <v>20</v>
      </c>
      <c r="P19" s="12">
        <v>2</v>
      </c>
      <c r="Q19" s="38">
        <v>0.1</v>
      </c>
    </row>
    <row r="20" spans="2:17" ht="20.100000000000001" customHeight="1" x14ac:dyDescent="0.15">
      <c r="B20" s="39" t="s">
        <v>19</v>
      </c>
      <c r="C20" s="35">
        <v>1395</v>
      </c>
      <c r="D20" s="36">
        <v>1346</v>
      </c>
      <c r="E20" s="37">
        <v>1370.5</v>
      </c>
      <c r="F20" s="36">
        <v>153</v>
      </c>
      <c r="G20" s="38">
        <v>0.11163808828894564</v>
      </c>
      <c r="H20" s="18">
        <v>1237</v>
      </c>
      <c r="I20" s="19">
        <v>1192</v>
      </c>
      <c r="J20" s="13">
        <v>1214.5</v>
      </c>
      <c r="K20" s="19">
        <v>122</v>
      </c>
      <c r="L20" s="14">
        <v>0.10045286125977769</v>
      </c>
      <c r="M20" s="18">
        <v>158</v>
      </c>
      <c r="N20" s="19">
        <v>154</v>
      </c>
      <c r="O20" s="13">
        <v>156</v>
      </c>
      <c r="P20" s="19">
        <v>31</v>
      </c>
      <c r="Q20" s="38">
        <v>0.19871794871794871</v>
      </c>
    </row>
    <row r="21" spans="2:17" ht="20.100000000000001" customHeight="1" x14ac:dyDescent="0.15">
      <c r="B21" s="39" t="s">
        <v>20</v>
      </c>
      <c r="C21" s="35">
        <v>39002</v>
      </c>
      <c r="D21" s="36">
        <v>37226</v>
      </c>
      <c r="E21" s="37">
        <v>38114</v>
      </c>
      <c r="F21" s="36">
        <v>5132</v>
      </c>
      <c r="G21" s="38">
        <v>0.13464868552238024</v>
      </c>
      <c r="H21" s="18">
        <v>34838</v>
      </c>
      <c r="I21" s="19">
        <v>33235</v>
      </c>
      <c r="J21" s="13">
        <v>34036.5</v>
      </c>
      <c r="K21" s="19">
        <v>4391</v>
      </c>
      <c r="L21" s="14">
        <v>0.12900856433534588</v>
      </c>
      <c r="M21" s="18">
        <v>4164</v>
      </c>
      <c r="N21" s="19">
        <v>3991</v>
      </c>
      <c r="O21" s="13">
        <v>4077.5</v>
      </c>
      <c r="P21" s="19">
        <v>741</v>
      </c>
      <c r="Q21" s="38">
        <v>0.18172900061312078</v>
      </c>
    </row>
    <row r="22" spans="2:17" ht="20.100000000000001" customHeight="1" thickBot="1" x14ac:dyDescent="0.2">
      <c r="B22" s="40" t="s">
        <v>21</v>
      </c>
      <c r="C22" s="41">
        <v>2113</v>
      </c>
      <c r="D22" s="42">
        <v>1939</v>
      </c>
      <c r="E22" s="43">
        <v>2026</v>
      </c>
      <c r="F22" s="42">
        <v>318</v>
      </c>
      <c r="G22" s="44">
        <v>0.15695952615992104</v>
      </c>
      <c r="H22" s="45">
        <v>1544</v>
      </c>
      <c r="I22" s="46">
        <v>1394</v>
      </c>
      <c r="J22" s="47">
        <v>1469</v>
      </c>
      <c r="K22" s="46">
        <v>200</v>
      </c>
      <c r="L22" s="48">
        <v>0.13614703880190607</v>
      </c>
      <c r="M22" s="45">
        <v>569</v>
      </c>
      <c r="N22" s="46">
        <v>545</v>
      </c>
      <c r="O22" s="47">
        <v>557</v>
      </c>
      <c r="P22" s="46">
        <v>118</v>
      </c>
      <c r="Q22" s="44">
        <v>0.2118491921005386</v>
      </c>
    </row>
    <row r="23" spans="2:17" s="16" customFormat="1" ht="20.100000000000001" customHeight="1" thickTop="1" thickBot="1" x14ac:dyDescent="0.2">
      <c r="B23" s="28" t="s">
        <v>16</v>
      </c>
      <c r="C23" s="29">
        <v>42825</v>
      </c>
      <c r="D23" s="32">
        <v>40814</v>
      </c>
      <c r="E23" s="31">
        <v>41819.5</v>
      </c>
      <c r="F23" s="32">
        <v>5631</v>
      </c>
      <c r="G23" s="33">
        <v>0.13465010342065303</v>
      </c>
      <c r="H23" s="29">
        <v>37915</v>
      </c>
      <c r="I23" s="30">
        <v>36103</v>
      </c>
      <c r="J23" s="31">
        <v>37009</v>
      </c>
      <c r="K23" s="32">
        <v>4739</v>
      </c>
      <c r="L23" s="33">
        <v>0.12804993379988652</v>
      </c>
      <c r="M23" s="29">
        <v>4910</v>
      </c>
      <c r="N23" s="30">
        <v>4711</v>
      </c>
      <c r="O23" s="31">
        <v>4810.5</v>
      </c>
      <c r="P23" s="32">
        <v>892</v>
      </c>
      <c r="Q23" s="33">
        <v>0.18542771021723314</v>
      </c>
    </row>
    <row r="25" spans="2:17" ht="20.100000000000001" customHeight="1" thickBot="1" x14ac:dyDescent="0.2">
      <c r="B25" s="6" t="s">
        <v>22</v>
      </c>
      <c r="H25" s="49"/>
      <c r="I25" s="49"/>
      <c r="J25" s="49"/>
      <c r="K25" s="49"/>
      <c r="L25" s="49"/>
      <c r="M25" s="49"/>
      <c r="N25" s="49"/>
      <c r="O25" s="49"/>
      <c r="P25" s="49"/>
    </row>
    <row r="26" spans="2:17" ht="20.100000000000001" customHeight="1" x14ac:dyDescent="0.15">
      <c r="B26" s="660" t="s">
        <v>23</v>
      </c>
      <c r="C26" s="662" t="s">
        <v>13</v>
      </c>
      <c r="D26" s="663"/>
      <c r="E26" s="663"/>
      <c r="F26" s="663"/>
      <c r="G26" s="664"/>
      <c r="H26" s="662" t="s">
        <v>14</v>
      </c>
      <c r="I26" s="663"/>
      <c r="J26" s="663"/>
      <c r="K26" s="663"/>
      <c r="L26" s="664"/>
      <c r="M26" s="662" t="s">
        <v>15</v>
      </c>
      <c r="N26" s="663"/>
      <c r="O26" s="663"/>
      <c r="P26" s="663"/>
      <c r="Q26" s="664"/>
    </row>
    <row r="27" spans="2:17" ht="20.100000000000001" customHeight="1" thickBot="1" x14ac:dyDescent="0.2">
      <c r="B27" s="661"/>
      <c r="C27" s="7" t="s">
        <v>198</v>
      </c>
      <c r="D27" s="8" t="s">
        <v>197</v>
      </c>
      <c r="E27" s="8" t="s">
        <v>195</v>
      </c>
      <c r="F27" s="8" t="s">
        <v>347</v>
      </c>
      <c r="G27" s="9" t="s">
        <v>299</v>
      </c>
      <c r="H27" s="7" t="s">
        <v>198</v>
      </c>
      <c r="I27" s="8" t="s">
        <v>197</v>
      </c>
      <c r="J27" s="8" t="s">
        <v>195</v>
      </c>
      <c r="K27" s="8" t="s">
        <v>347</v>
      </c>
      <c r="L27" s="9" t="s">
        <v>299</v>
      </c>
      <c r="M27" s="7" t="s">
        <v>198</v>
      </c>
      <c r="N27" s="8" t="s">
        <v>197</v>
      </c>
      <c r="O27" s="8" t="s">
        <v>195</v>
      </c>
      <c r="P27" s="8" t="s">
        <v>347</v>
      </c>
      <c r="Q27" s="9" t="s">
        <v>299</v>
      </c>
    </row>
    <row r="28" spans="2:17" s="16" customFormat="1" ht="20.100000000000001" customHeight="1" thickTop="1" x14ac:dyDescent="0.15">
      <c r="B28" s="10" t="s">
        <v>24</v>
      </c>
      <c r="C28" s="11">
        <v>18054</v>
      </c>
      <c r="D28" s="12">
        <v>17159</v>
      </c>
      <c r="E28" s="13">
        <v>17606.5</v>
      </c>
      <c r="F28" s="12">
        <v>2461</v>
      </c>
      <c r="G28" s="14">
        <v>0.13977792292619204</v>
      </c>
      <c r="H28" s="11">
        <v>16267</v>
      </c>
      <c r="I28" s="12">
        <v>15442</v>
      </c>
      <c r="J28" s="13">
        <v>15854.5</v>
      </c>
      <c r="K28" s="12">
        <v>2113</v>
      </c>
      <c r="L28" s="14">
        <v>0.13327446466302942</v>
      </c>
      <c r="M28" s="11">
        <v>1787</v>
      </c>
      <c r="N28" s="12">
        <v>1717</v>
      </c>
      <c r="O28" s="13">
        <v>1752</v>
      </c>
      <c r="P28" s="12">
        <v>348</v>
      </c>
      <c r="Q28" s="14">
        <v>0.19863013698630136</v>
      </c>
    </row>
    <row r="29" spans="2:17" s="16" customFormat="1" ht="20.100000000000001" customHeight="1" x14ac:dyDescent="0.15">
      <c r="B29" s="17" t="s">
        <v>25</v>
      </c>
      <c r="C29" s="18">
        <v>7028</v>
      </c>
      <c r="D29" s="19">
        <v>6809</v>
      </c>
      <c r="E29" s="13">
        <v>6918.5</v>
      </c>
      <c r="F29" s="19">
        <v>964</v>
      </c>
      <c r="G29" s="14">
        <v>0.13933656139336562</v>
      </c>
      <c r="H29" s="18">
        <v>6335</v>
      </c>
      <c r="I29" s="19">
        <v>6126</v>
      </c>
      <c r="J29" s="13">
        <v>6230.5</v>
      </c>
      <c r="K29" s="19">
        <v>850</v>
      </c>
      <c r="L29" s="14">
        <v>0.13642564802182811</v>
      </c>
      <c r="M29" s="18">
        <v>693</v>
      </c>
      <c r="N29" s="19">
        <v>683</v>
      </c>
      <c r="O29" s="13">
        <v>688</v>
      </c>
      <c r="P29" s="19">
        <v>114</v>
      </c>
      <c r="Q29" s="14">
        <v>0.16569767441860464</v>
      </c>
    </row>
    <row r="30" spans="2:17" s="16" customFormat="1" ht="20.100000000000001" customHeight="1" x14ac:dyDescent="0.15">
      <c r="B30" s="17" t="s">
        <v>26</v>
      </c>
      <c r="C30" s="18">
        <v>4032</v>
      </c>
      <c r="D30" s="19">
        <v>3763</v>
      </c>
      <c r="E30" s="13">
        <v>3897.5</v>
      </c>
      <c r="F30" s="19">
        <v>460</v>
      </c>
      <c r="G30" s="14">
        <v>0.11802437459910199</v>
      </c>
      <c r="H30" s="18">
        <v>3556</v>
      </c>
      <c r="I30" s="19">
        <v>3296</v>
      </c>
      <c r="J30" s="13">
        <v>3426</v>
      </c>
      <c r="K30" s="19">
        <v>373</v>
      </c>
      <c r="L30" s="14">
        <v>0.1088733216579101</v>
      </c>
      <c r="M30" s="18">
        <v>476</v>
      </c>
      <c r="N30" s="19">
        <v>467</v>
      </c>
      <c r="O30" s="13">
        <v>471.5</v>
      </c>
      <c r="P30" s="19">
        <v>87</v>
      </c>
      <c r="Q30" s="14">
        <v>0.18451749734888653</v>
      </c>
    </row>
    <row r="31" spans="2:17" s="16" customFormat="1" ht="20.100000000000001" customHeight="1" x14ac:dyDescent="0.15">
      <c r="B31" s="17" t="s">
        <v>27</v>
      </c>
      <c r="C31" s="18">
        <v>2626</v>
      </c>
      <c r="D31" s="19">
        <v>2483</v>
      </c>
      <c r="E31" s="13">
        <v>2554.5</v>
      </c>
      <c r="F31" s="19">
        <v>314</v>
      </c>
      <c r="G31" s="14">
        <v>0.12292033666079467</v>
      </c>
      <c r="H31" s="18">
        <v>2213</v>
      </c>
      <c r="I31" s="19">
        <v>2093</v>
      </c>
      <c r="J31" s="13">
        <v>2153</v>
      </c>
      <c r="K31" s="19">
        <v>239</v>
      </c>
      <c r="L31" s="14">
        <v>0.1110078959591268</v>
      </c>
      <c r="M31" s="18">
        <v>413</v>
      </c>
      <c r="N31" s="19">
        <v>390</v>
      </c>
      <c r="O31" s="13">
        <v>401.5</v>
      </c>
      <c r="P31" s="19">
        <v>75</v>
      </c>
      <c r="Q31" s="14">
        <v>0.18679950186799502</v>
      </c>
    </row>
    <row r="32" spans="2:17" s="16" customFormat="1" ht="20.100000000000001" customHeight="1" x14ac:dyDescent="0.15">
      <c r="B32" s="17" t="s">
        <v>28</v>
      </c>
      <c r="C32" s="18">
        <v>2526</v>
      </c>
      <c r="D32" s="19">
        <v>2351</v>
      </c>
      <c r="E32" s="13">
        <v>2438.5</v>
      </c>
      <c r="F32" s="19">
        <v>285</v>
      </c>
      <c r="G32" s="14">
        <v>0.1168751281525528</v>
      </c>
      <c r="H32" s="18">
        <v>2082</v>
      </c>
      <c r="I32" s="19">
        <v>1957</v>
      </c>
      <c r="J32" s="13">
        <v>2019.5</v>
      </c>
      <c r="K32" s="19">
        <v>232</v>
      </c>
      <c r="L32" s="14">
        <v>0.11487992077246843</v>
      </c>
      <c r="M32" s="18">
        <v>444</v>
      </c>
      <c r="N32" s="19">
        <v>394</v>
      </c>
      <c r="O32" s="13">
        <v>419</v>
      </c>
      <c r="P32" s="19">
        <v>53</v>
      </c>
      <c r="Q32" s="14">
        <v>0.12649164677804295</v>
      </c>
    </row>
    <row r="33" spans="2:17" s="16" customFormat="1" ht="20.100000000000001" customHeight="1" x14ac:dyDescent="0.15">
      <c r="B33" s="17" t="s">
        <v>29</v>
      </c>
      <c r="C33" s="18">
        <v>3074</v>
      </c>
      <c r="D33" s="19">
        <v>2972</v>
      </c>
      <c r="E33" s="13">
        <v>3023</v>
      </c>
      <c r="F33" s="19">
        <v>375</v>
      </c>
      <c r="G33" s="14">
        <v>0.1240489579887529</v>
      </c>
      <c r="H33" s="18">
        <v>2844</v>
      </c>
      <c r="I33" s="19">
        <v>2762</v>
      </c>
      <c r="J33" s="13">
        <v>2803</v>
      </c>
      <c r="K33" s="19">
        <v>330</v>
      </c>
      <c r="L33" s="14">
        <v>0.11773100249732429</v>
      </c>
      <c r="M33" s="18">
        <v>230</v>
      </c>
      <c r="N33" s="19">
        <v>210</v>
      </c>
      <c r="O33" s="13">
        <v>220</v>
      </c>
      <c r="P33" s="19">
        <v>45</v>
      </c>
      <c r="Q33" s="14">
        <v>0.20454545454545456</v>
      </c>
    </row>
    <row r="34" spans="2:17" s="16" customFormat="1" ht="20.100000000000001" customHeight="1" x14ac:dyDescent="0.15">
      <c r="B34" s="17" t="s">
        <v>30</v>
      </c>
      <c r="C34" s="18">
        <v>3632</v>
      </c>
      <c r="D34" s="19">
        <v>3502</v>
      </c>
      <c r="E34" s="13">
        <v>3567</v>
      </c>
      <c r="F34" s="19">
        <v>527</v>
      </c>
      <c r="G34" s="14">
        <v>0.14774320156994675</v>
      </c>
      <c r="H34" s="18">
        <v>3029</v>
      </c>
      <c r="I34" s="19">
        <v>2901</v>
      </c>
      <c r="J34" s="13">
        <v>2965</v>
      </c>
      <c r="K34" s="19">
        <v>420</v>
      </c>
      <c r="L34" s="14">
        <v>0.14165261382799327</v>
      </c>
      <c r="M34" s="18">
        <v>603</v>
      </c>
      <c r="N34" s="19">
        <v>601</v>
      </c>
      <c r="O34" s="13">
        <v>602</v>
      </c>
      <c r="P34" s="19">
        <v>107</v>
      </c>
      <c r="Q34" s="14">
        <v>0.17774086378737541</v>
      </c>
    </row>
    <row r="35" spans="2:17" s="16" customFormat="1" ht="20.100000000000001" customHeight="1" thickBot="1" x14ac:dyDescent="0.2">
      <c r="B35" s="51" t="s">
        <v>31</v>
      </c>
      <c r="C35" s="11">
        <v>1853</v>
      </c>
      <c r="D35" s="46">
        <v>1775</v>
      </c>
      <c r="E35" s="47">
        <v>1814</v>
      </c>
      <c r="F35" s="46">
        <v>245</v>
      </c>
      <c r="G35" s="48">
        <v>0.13506063947078281</v>
      </c>
      <c r="H35" s="45">
        <v>1589</v>
      </c>
      <c r="I35" s="46">
        <v>1526</v>
      </c>
      <c r="J35" s="47">
        <v>1557.5</v>
      </c>
      <c r="K35" s="46">
        <v>182</v>
      </c>
      <c r="L35" s="48">
        <v>0.11685393258426967</v>
      </c>
      <c r="M35" s="45">
        <v>264</v>
      </c>
      <c r="N35" s="46">
        <v>249</v>
      </c>
      <c r="O35" s="47">
        <v>256.5</v>
      </c>
      <c r="P35" s="46">
        <v>63</v>
      </c>
      <c r="Q35" s="48">
        <v>0.24561403508771928</v>
      </c>
    </row>
    <row r="36" spans="2:17" s="16" customFormat="1" ht="20.100000000000001" customHeight="1" thickTop="1" thickBot="1" x14ac:dyDescent="0.2">
      <c r="B36" s="28" t="s">
        <v>12</v>
      </c>
      <c r="C36" s="29">
        <v>42825</v>
      </c>
      <c r="D36" s="30">
        <v>40814</v>
      </c>
      <c r="E36" s="31">
        <v>41819.5</v>
      </c>
      <c r="F36" s="32">
        <v>5631</v>
      </c>
      <c r="G36" s="33">
        <v>0.13465010342065303</v>
      </c>
      <c r="H36" s="29">
        <v>37915</v>
      </c>
      <c r="I36" s="30">
        <v>36103</v>
      </c>
      <c r="J36" s="31">
        <v>37009</v>
      </c>
      <c r="K36" s="32">
        <v>4739</v>
      </c>
      <c r="L36" s="33">
        <v>0.12804993379988652</v>
      </c>
      <c r="M36" s="29">
        <v>4910</v>
      </c>
      <c r="N36" s="30">
        <v>4711</v>
      </c>
      <c r="O36" s="31">
        <v>4810.5</v>
      </c>
      <c r="P36" s="32">
        <v>892</v>
      </c>
      <c r="Q36" s="33">
        <v>0.18542771021723314</v>
      </c>
    </row>
    <row r="37" spans="2:17" ht="20.100000000000001" customHeight="1" x14ac:dyDescent="0.15">
      <c r="C37" s="5"/>
      <c r="D37" s="5"/>
      <c r="E37" s="5"/>
      <c r="F37" s="5"/>
      <c r="H37" s="49"/>
      <c r="I37" s="49"/>
      <c r="J37" s="49"/>
      <c r="K37" s="49"/>
      <c r="L37" s="49"/>
      <c r="M37" s="49"/>
      <c r="N37" s="49"/>
      <c r="O37" s="49"/>
      <c r="P37" s="49"/>
    </row>
  </sheetData>
  <mergeCells count="12">
    <mergeCell ref="B26:B27"/>
    <mergeCell ref="C26:G26"/>
    <mergeCell ref="H26:L26"/>
    <mergeCell ref="M26:Q26"/>
    <mergeCell ref="B6:B7"/>
    <mergeCell ref="C6:G6"/>
    <mergeCell ref="H6:L6"/>
    <mergeCell ref="M6:Q6"/>
    <mergeCell ref="B17:B18"/>
    <mergeCell ref="C17:G17"/>
    <mergeCell ref="H17:L17"/>
    <mergeCell ref="M17:Q17"/>
  </mergeCells>
  <phoneticPr fontId="1"/>
  <printOptions horizontalCentered="1"/>
  <pageMargins left="0.23622047244094491" right="0.23622047244094491" top="0.74803149606299213" bottom="0.74803149606299213" header="0.31496062992125984" footer="0.31496062992125984"/>
  <pageSetup paperSize="9" scale="56" orientation="landscape" r:id="rId1"/>
  <headerFooter>
    <oddFooter>&amp;C&amp;P</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92"/>
  <sheetViews>
    <sheetView view="pageBreakPreview" zoomScale="80" zoomScaleNormal="80" zoomScaleSheetLayoutView="80" workbookViewId="0"/>
  </sheetViews>
  <sheetFormatPr defaultColWidth="14.625" defaultRowHeight="14.25" x14ac:dyDescent="0.15"/>
  <cols>
    <col min="1" max="5" width="14.625" style="268"/>
    <col min="6" max="6" width="6.75" style="268" customWidth="1"/>
    <col min="7" max="12" width="14.625" style="268"/>
    <col min="13" max="13" width="6.75" style="268" customWidth="1"/>
    <col min="14" max="18" width="14.625" style="268"/>
    <col min="19" max="19" width="6.625" style="268" customWidth="1"/>
    <col min="20" max="16384" width="14.625" style="268"/>
  </cols>
  <sheetData>
    <row r="1" spans="1:19" ht="20.100000000000001" customHeight="1" x14ac:dyDescent="0.15">
      <c r="A1" s="296" t="s">
        <v>258</v>
      </c>
      <c r="B1" s="2"/>
      <c r="C1" s="2"/>
      <c r="D1" s="2"/>
      <c r="E1" s="27"/>
      <c r="G1" s="2"/>
    </row>
    <row r="2" spans="1:19" ht="20.100000000000001" customHeight="1" x14ac:dyDescent="0.15">
      <c r="A2" s="2"/>
      <c r="B2" s="2"/>
      <c r="C2" s="5"/>
      <c r="D2" s="5"/>
      <c r="E2" s="5"/>
      <c r="F2" s="5"/>
      <c r="G2" s="2"/>
    </row>
    <row r="3" spans="1:19" ht="20.100000000000001" customHeight="1" thickBot="1" x14ac:dyDescent="0.2">
      <c r="A3" s="2" t="s">
        <v>369</v>
      </c>
      <c r="B3" s="2"/>
      <c r="D3" s="291" t="s">
        <v>358</v>
      </c>
      <c r="E3" s="269"/>
      <c r="J3" s="2"/>
    </row>
    <row r="4" spans="1:19" ht="20.100000000000001" customHeight="1" thickBot="1" x14ac:dyDescent="0.2">
      <c r="A4" s="284" t="s">
        <v>67</v>
      </c>
      <c r="B4" s="285" t="s">
        <v>185</v>
      </c>
      <c r="C4" s="2"/>
      <c r="D4" s="284" t="s">
        <v>181</v>
      </c>
      <c r="E4" s="285" t="s">
        <v>185</v>
      </c>
      <c r="J4" s="2"/>
    </row>
    <row r="5" spans="1:19" ht="20.100000000000001" customHeight="1" thickTop="1" x14ac:dyDescent="0.15">
      <c r="A5" s="286" t="s">
        <v>98</v>
      </c>
      <c r="B5" s="518">
        <v>16</v>
      </c>
      <c r="C5" s="2"/>
      <c r="D5" s="641" t="s">
        <v>40</v>
      </c>
      <c r="E5" s="518">
        <v>57</v>
      </c>
      <c r="J5" s="2"/>
    </row>
    <row r="6" spans="1:19" ht="20.100000000000001" customHeight="1" x14ac:dyDescent="0.15">
      <c r="A6" s="287" t="s">
        <v>99</v>
      </c>
      <c r="B6" s="519">
        <v>43</v>
      </c>
      <c r="C6" s="2"/>
      <c r="D6" s="639" t="s">
        <v>41</v>
      </c>
      <c r="E6" s="519">
        <v>15</v>
      </c>
      <c r="J6" s="2"/>
    </row>
    <row r="7" spans="1:19" ht="20.100000000000001" customHeight="1" x14ac:dyDescent="0.15">
      <c r="A7" s="287" t="s">
        <v>100</v>
      </c>
      <c r="B7" s="519">
        <v>28</v>
      </c>
      <c r="C7" s="2"/>
      <c r="D7" s="639" t="s">
        <v>42</v>
      </c>
      <c r="E7" s="519">
        <v>14</v>
      </c>
      <c r="J7" s="2"/>
    </row>
    <row r="8" spans="1:19" ht="20.100000000000001" customHeight="1" x14ac:dyDescent="0.15">
      <c r="A8" s="288" t="s">
        <v>101</v>
      </c>
      <c r="B8" s="520">
        <v>19</v>
      </c>
      <c r="C8" s="16"/>
      <c r="D8" s="639" t="s">
        <v>43</v>
      </c>
      <c r="E8" s="519">
        <v>10</v>
      </c>
      <c r="J8" s="2"/>
    </row>
    <row r="9" spans="1:19" ht="20.100000000000001" customHeight="1" x14ac:dyDescent="0.15">
      <c r="A9" s="288" t="s">
        <v>102</v>
      </c>
      <c r="B9" s="520">
        <v>16</v>
      </c>
      <c r="C9" s="16"/>
      <c r="D9" s="639" t="s">
        <v>44</v>
      </c>
      <c r="E9" s="519">
        <v>11</v>
      </c>
      <c r="J9" s="2"/>
    </row>
    <row r="10" spans="1:19" ht="20.100000000000001" customHeight="1" thickBot="1" x14ac:dyDescent="0.2">
      <c r="A10" s="289" t="s">
        <v>11</v>
      </c>
      <c r="B10" s="521">
        <v>21</v>
      </c>
      <c r="C10" s="16"/>
      <c r="D10" s="522" t="s">
        <v>45</v>
      </c>
      <c r="E10" s="520">
        <v>8</v>
      </c>
      <c r="J10" s="503"/>
    </row>
    <row r="11" spans="1:19" ht="20.100000000000001" customHeight="1" thickTop="1" thickBot="1" x14ac:dyDescent="0.2">
      <c r="A11" s="290" t="s">
        <v>65</v>
      </c>
      <c r="B11" s="341">
        <v>143</v>
      </c>
      <c r="C11" s="2"/>
      <c r="D11" s="522" t="s">
        <v>46</v>
      </c>
      <c r="E11" s="520">
        <v>15</v>
      </c>
      <c r="J11" s="503"/>
    </row>
    <row r="12" spans="1:19" ht="20.100000000000001" customHeight="1" thickBot="1" x14ac:dyDescent="0.2">
      <c r="A12" s="283"/>
      <c r="B12" s="80"/>
      <c r="C12" s="2"/>
      <c r="D12" s="523" t="s">
        <v>47</v>
      </c>
      <c r="E12" s="521">
        <v>13</v>
      </c>
      <c r="J12" s="2"/>
    </row>
    <row r="13" spans="1:19" ht="20.100000000000001" customHeight="1" thickTop="1" thickBot="1" x14ac:dyDescent="0.2">
      <c r="A13" s="291"/>
      <c r="B13" s="269"/>
      <c r="C13" s="2"/>
      <c r="D13" s="524" t="s">
        <v>65</v>
      </c>
      <c r="E13" s="341">
        <v>143</v>
      </c>
    </row>
    <row r="14" spans="1:19" ht="20.100000000000001" customHeight="1" x14ac:dyDescent="0.15"/>
    <row r="15" spans="1:19" ht="20.100000000000001" customHeight="1" thickBot="1" x14ac:dyDescent="0.2">
      <c r="A15" s="2" t="s">
        <v>370</v>
      </c>
      <c r="B15" s="2"/>
      <c r="C15" s="2"/>
      <c r="D15" s="2"/>
      <c r="E15" s="2" t="s">
        <v>310</v>
      </c>
      <c r="G15" s="2" t="s">
        <v>371</v>
      </c>
      <c r="H15" s="2"/>
      <c r="I15" s="2" t="s">
        <v>90</v>
      </c>
      <c r="J15" s="2"/>
      <c r="K15" s="2"/>
      <c r="L15" s="2"/>
      <c r="M15" s="2"/>
      <c r="S15" s="2"/>
    </row>
    <row r="16" spans="1:19" ht="20.100000000000001" customHeight="1" thickBot="1" x14ac:dyDescent="0.2">
      <c r="A16" s="284" t="s">
        <v>67</v>
      </c>
      <c r="B16" s="292" t="s">
        <v>186</v>
      </c>
      <c r="C16" s="292" t="s">
        <v>187</v>
      </c>
      <c r="D16" s="292" t="s">
        <v>188</v>
      </c>
      <c r="E16" s="314" t="s">
        <v>189</v>
      </c>
      <c r="G16" s="284" t="s">
        <v>67</v>
      </c>
      <c r="H16" s="292" t="s">
        <v>190</v>
      </c>
      <c r="I16" s="292" t="s">
        <v>192</v>
      </c>
      <c r="J16" s="292" t="s">
        <v>193</v>
      </c>
      <c r="K16" s="292" t="s">
        <v>191</v>
      </c>
      <c r="L16" s="285" t="s">
        <v>330</v>
      </c>
      <c r="M16" s="2"/>
      <c r="S16" s="2"/>
    </row>
    <row r="17" spans="1:19" ht="20.100000000000001" customHeight="1" thickTop="1" x14ac:dyDescent="0.15">
      <c r="A17" s="286" t="s">
        <v>98</v>
      </c>
      <c r="B17" s="348">
        <v>9</v>
      </c>
      <c r="C17" s="348">
        <v>6</v>
      </c>
      <c r="D17" s="348">
        <v>0</v>
      </c>
      <c r="E17" s="497">
        <v>1</v>
      </c>
      <c r="G17" s="286" t="s">
        <v>98</v>
      </c>
      <c r="H17" s="342">
        <v>8</v>
      </c>
      <c r="I17" s="342">
        <v>0</v>
      </c>
      <c r="J17" s="342">
        <v>6</v>
      </c>
      <c r="K17" s="342">
        <v>4</v>
      </c>
      <c r="L17" s="353">
        <v>3</v>
      </c>
      <c r="M17" s="2"/>
      <c r="S17" s="2"/>
    </row>
    <row r="18" spans="1:19" ht="20.100000000000001" customHeight="1" x14ac:dyDescent="0.15">
      <c r="A18" s="287" t="s">
        <v>99</v>
      </c>
      <c r="B18" s="349">
        <v>32</v>
      </c>
      <c r="C18" s="349">
        <v>8</v>
      </c>
      <c r="D18" s="349">
        <v>0</v>
      </c>
      <c r="E18" s="498">
        <v>3</v>
      </c>
      <c r="G18" s="287" t="s">
        <v>99</v>
      </c>
      <c r="H18" s="343">
        <v>16</v>
      </c>
      <c r="I18" s="343">
        <v>4</v>
      </c>
      <c r="J18" s="343">
        <v>18</v>
      </c>
      <c r="K18" s="343">
        <v>11</v>
      </c>
      <c r="L18" s="354">
        <v>15</v>
      </c>
      <c r="M18" s="2"/>
      <c r="S18" s="2"/>
    </row>
    <row r="19" spans="1:19" ht="20.100000000000001" customHeight="1" x14ac:dyDescent="0.15">
      <c r="A19" s="287" t="s">
        <v>100</v>
      </c>
      <c r="B19" s="349">
        <v>23</v>
      </c>
      <c r="C19" s="349">
        <v>5</v>
      </c>
      <c r="D19" s="349">
        <v>0</v>
      </c>
      <c r="E19" s="498">
        <v>0</v>
      </c>
      <c r="G19" s="287" t="s">
        <v>100</v>
      </c>
      <c r="H19" s="343">
        <v>12</v>
      </c>
      <c r="I19" s="343">
        <v>2</v>
      </c>
      <c r="J19" s="343">
        <v>14</v>
      </c>
      <c r="K19" s="343">
        <v>5</v>
      </c>
      <c r="L19" s="354">
        <v>4</v>
      </c>
      <c r="M19" s="2"/>
      <c r="S19" s="2"/>
    </row>
    <row r="20" spans="1:19" ht="20.100000000000001" customHeight="1" x14ac:dyDescent="0.15">
      <c r="A20" s="288" t="s">
        <v>101</v>
      </c>
      <c r="B20" s="350">
        <v>14</v>
      </c>
      <c r="C20" s="350">
        <v>3</v>
      </c>
      <c r="D20" s="350">
        <v>0</v>
      </c>
      <c r="E20" s="499">
        <v>1</v>
      </c>
      <c r="G20" s="288" t="s">
        <v>101</v>
      </c>
      <c r="H20" s="344">
        <v>8</v>
      </c>
      <c r="I20" s="344">
        <v>3</v>
      </c>
      <c r="J20" s="344">
        <v>10</v>
      </c>
      <c r="K20" s="344">
        <v>7</v>
      </c>
      <c r="L20" s="355">
        <v>6</v>
      </c>
      <c r="M20" s="2"/>
      <c r="S20" s="2"/>
    </row>
    <row r="21" spans="1:19" ht="20.100000000000001" customHeight="1" x14ac:dyDescent="0.15">
      <c r="A21" s="288" t="s">
        <v>102</v>
      </c>
      <c r="B21" s="350">
        <v>16</v>
      </c>
      <c r="C21" s="350">
        <v>0</v>
      </c>
      <c r="D21" s="350">
        <v>0</v>
      </c>
      <c r="E21" s="499">
        <v>0</v>
      </c>
      <c r="G21" s="288" t="s">
        <v>102</v>
      </c>
      <c r="H21" s="344">
        <v>4</v>
      </c>
      <c r="I21" s="344">
        <v>2</v>
      </c>
      <c r="J21" s="344">
        <v>11</v>
      </c>
      <c r="K21" s="344">
        <v>6</v>
      </c>
      <c r="L21" s="355">
        <v>7</v>
      </c>
      <c r="M21" s="2"/>
      <c r="S21" s="2"/>
    </row>
    <row r="22" spans="1:19" ht="20.100000000000001" customHeight="1" thickBot="1" x14ac:dyDescent="0.2">
      <c r="A22" s="289" t="s">
        <v>11</v>
      </c>
      <c r="B22" s="351">
        <v>20</v>
      </c>
      <c r="C22" s="351">
        <v>0</v>
      </c>
      <c r="D22" s="351">
        <v>0</v>
      </c>
      <c r="E22" s="500">
        <v>1</v>
      </c>
      <c r="G22" s="289" t="s">
        <v>11</v>
      </c>
      <c r="H22" s="345">
        <v>3</v>
      </c>
      <c r="I22" s="345">
        <v>4</v>
      </c>
      <c r="J22" s="345">
        <v>17</v>
      </c>
      <c r="K22" s="345">
        <v>12</v>
      </c>
      <c r="L22" s="356">
        <v>13</v>
      </c>
      <c r="M22" s="503"/>
      <c r="S22" s="2"/>
    </row>
    <row r="23" spans="1:19" ht="20.100000000000001" customHeight="1" thickTop="1" x14ac:dyDescent="0.15">
      <c r="A23" s="293" t="s">
        <v>65</v>
      </c>
      <c r="B23" s="352">
        <v>114</v>
      </c>
      <c r="C23" s="352">
        <v>22</v>
      </c>
      <c r="D23" s="352">
        <v>0</v>
      </c>
      <c r="E23" s="501">
        <v>6</v>
      </c>
      <c r="G23" s="293" t="s">
        <v>65</v>
      </c>
      <c r="H23" s="346">
        <v>51</v>
      </c>
      <c r="I23" s="346">
        <v>15</v>
      </c>
      <c r="J23" s="346">
        <v>76</v>
      </c>
      <c r="K23" s="347">
        <v>45</v>
      </c>
      <c r="L23" s="357">
        <v>48</v>
      </c>
      <c r="M23" s="503"/>
      <c r="S23" s="2"/>
    </row>
    <row r="24" spans="1:19" ht="20.100000000000001" customHeight="1" thickBot="1" x14ac:dyDescent="0.2">
      <c r="A24" s="290" t="s">
        <v>353</v>
      </c>
      <c r="B24" s="493">
        <v>0.80281690140845074</v>
      </c>
      <c r="C24" s="493">
        <v>0.15492957746478872</v>
      </c>
      <c r="D24" s="493">
        <v>0</v>
      </c>
      <c r="E24" s="502">
        <v>4.2253521126760563E-2</v>
      </c>
      <c r="G24" s="290" t="s">
        <v>353</v>
      </c>
      <c r="H24" s="493">
        <v>0.21702127659574469</v>
      </c>
      <c r="I24" s="493">
        <v>6.3829787234042548E-2</v>
      </c>
      <c r="J24" s="493">
        <v>0.32340425531914896</v>
      </c>
      <c r="K24" s="494">
        <v>0.19148936170212766</v>
      </c>
      <c r="L24" s="495">
        <v>0.20425531914893616</v>
      </c>
      <c r="M24" s="2"/>
      <c r="S24" s="2"/>
    </row>
    <row r="25" spans="1:19" ht="20.100000000000001" customHeight="1" x14ac:dyDescent="0.15">
      <c r="A25" s="2"/>
      <c r="G25" s="509"/>
      <c r="H25" s="509"/>
      <c r="I25" s="509"/>
      <c r="J25" s="509"/>
      <c r="K25" s="509"/>
      <c r="L25" s="2"/>
    </row>
    <row r="26" spans="1:19" ht="20.100000000000001" customHeight="1" thickBot="1" x14ac:dyDescent="0.2">
      <c r="A26" s="2" t="s">
        <v>364</v>
      </c>
      <c r="B26" s="2"/>
      <c r="C26" s="2"/>
      <c r="D26" s="2"/>
      <c r="E26" s="2"/>
      <c r="G26" s="510" t="s">
        <v>372</v>
      </c>
      <c r="H26" s="509"/>
      <c r="I26" s="509"/>
      <c r="J26" s="509"/>
      <c r="K26" s="509"/>
      <c r="L26" s="2"/>
    </row>
    <row r="27" spans="1:19" ht="20.100000000000001" customHeight="1" x14ac:dyDescent="0.15">
      <c r="A27" s="649" t="s">
        <v>265</v>
      </c>
      <c r="B27" s="650"/>
      <c r="C27" s="504"/>
      <c r="D27" s="504"/>
      <c r="E27" s="505"/>
      <c r="G27" s="511" t="s">
        <v>279</v>
      </c>
      <c r="H27" s="512"/>
      <c r="I27" s="512"/>
      <c r="J27" s="512"/>
      <c r="K27" s="512"/>
      <c r="L27" s="513"/>
      <c r="M27" s="2"/>
    </row>
    <row r="28" spans="1:19" ht="20.100000000000001" customHeight="1" x14ac:dyDescent="0.15">
      <c r="A28" s="651" t="s">
        <v>274</v>
      </c>
      <c r="B28" s="269"/>
      <c r="C28" s="175"/>
      <c r="D28" s="175"/>
      <c r="E28" s="506"/>
      <c r="G28" s="516" t="s">
        <v>280</v>
      </c>
      <c r="H28" s="509"/>
      <c r="I28" s="509"/>
      <c r="J28" s="509"/>
      <c r="K28" s="509"/>
      <c r="L28" s="517"/>
      <c r="M28" s="2"/>
    </row>
    <row r="29" spans="1:19" ht="20.100000000000001" customHeight="1" x14ac:dyDescent="0.15">
      <c r="A29" s="651" t="s">
        <v>266</v>
      </c>
      <c r="B29" s="269"/>
      <c r="C29" s="175"/>
      <c r="D29" s="175"/>
      <c r="E29" s="506"/>
      <c r="G29" s="516" t="s">
        <v>281</v>
      </c>
      <c r="H29" s="509"/>
      <c r="I29" s="509"/>
      <c r="J29" s="509"/>
      <c r="K29" s="509"/>
      <c r="L29" s="517"/>
      <c r="M29" s="2"/>
      <c r="S29" s="525"/>
    </row>
    <row r="30" spans="1:19" ht="20.100000000000001" customHeight="1" x14ac:dyDescent="0.15">
      <c r="A30" s="651" t="s">
        <v>267</v>
      </c>
      <c r="B30" s="269"/>
      <c r="C30" s="175"/>
      <c r="D30" s="175"/>
      <c r="E30" s="506"/>
      <c r="G30" s="516" t="s">
        <v>282</v>
      </c>
      <c r="H30" s="509"/>
      <c r="I30" s="509"/>
      <c r="J30" s="509"/>
      <c r="K30" s="509"/>
      <c r="L30" s="517"/>
      <c r="M30" s="2"/>
      <c r="S30" s="525"/>
    </row>
    <row r="31" spans="1:19" ht="20.100000000000001" customHeight="1" x14ac:dyDescent="0.15">
      <c r="A31" s="651" t="s">
        <v>275</v>
      </c>
      <c r="B31" s="269" t="s">
        <v>268</v>
      </c>
      <c r="C31" s="175"/>
      <c r="D31" s="175"/>
      <c r="E31" s="506"/>
      <c r="G31" s="516" t="s">
        <v>283</v>
      </c>
      <c r="H31" s="509"/>
      <c r="I31" s="509"/>
      <c r="J31" s="509"/>
      <c r="K31" s="509"/>
      <c r="L31" s="517"/>
      <c r="M31" s="2"/>
      <c r="S31" s="525"/>
    </row>
    <row r="32" spans="1:19" ht="20.100000000000001" customHeight="1" x14ac:dyDescent="0.15">
      <c r="A32" s="651"/>
      <c r="B32" s="269" t="s">
        <v>269</v>
      </c>
      <c r="C32" s="175"/>
      <c r="D32" s="175"/>
      <c r="E32" s="506"/>
      <c r="G32" s="516" t="s">
        <v>284</v>
      </c>
      <c r="H32" s="509"/>
      <c r="I32" s="509"/>
      <c r="J32" s="509"/>
      <c r="K32" s="509"/>
      <c r="L32" s="517"/>
      <c r="M32" s="2"/>
      <c r="S32" s="525"/>
    </row>
    <row r="33" spans="1:19" ht="20.100000000000001" customHeight="1" x14ac:dyDescent="0.15">
      <c r="A33" s="651"/>
      <c r="B33" s="652" t="s">
        <v>271</v>
      </c>
      <c r="C33" s="175"/>
      <c r="D33" s="175"/>
      <c r="E33" s="506"/>
      <c r="G33" s="516" t="s">
        <v>285</v>
      </c>
      <c r="H33" s="509"/>
      <c r="I33" s="509"/>
      <c r="J33" s="509"/>
      <c r="K33" s="509"/>
      <c r="L33" s="517"/>
      <c r="M33" s="2"/>
      <c r="S33" s="525"/>
    </row>
    <row r="34" spans="1:19" ht="20.100000000000001" customHeight="1" thickBot="1" x14ac:dyDescent="0.2">
      <c r="A34" s="651"/>
      <c r="B34" s="269" t="s">
        <v>272</v>
      </c>
      <c r="C34" s="175"/>
      <c r="D34" s="175"/>
      <c r="E34" s="506"/>
      <c r="G34" s="514" t="s">
        <v>286</v>
      </c>
      <c r="H34" s="515"/>
      <c r="I34" s="515"/>
      <c r="J34" s="515"/>
      <c r="K34" s="515"/>
      <c r="L34" s="496"/>
      <c r="M34" s="2"/>
      <c r="S34" s="525"/>
    </row>
    <row r="35" spans="1:19" ht="20.100000000000001" customHeight="1" x14ac:dyDescent="0.15">
      <c r="A35" s="651"/>
      <c r="B35" s="269" t="s">
        <v>273</v>
      </c>
      <c r="C35" s="175"/>
      <c r="D35" s="175"/>
      <c r="E35" s="506"/>
      <c r="G35" s="2"/>
      <c r="H35" s="2"/>
      <c r="I35" s="2"/>
      <c r="J35" s="2"/>
      <c r="K35" s="2"/>
      <c r="L35" s="2"/>
      <c r="S35" s="525"/>
    </row>
    <row r="36" spans="1:19" ht="20.100000000000001" customHeight="1" thickBot="1" x14ac:dyDescent="0.2">
      <c r="A36" s="653"/>
      <c r="B36" s="654" t="s">
        <v>270</v>
      </c>
      <c r="C36" s="507"/>
      <c r="D36" s="507"/>
      <c r="E36" s="508"/>
      <c r="M36" s="2"/>
      <c r="S36" s="525"/>
    </row>
    <row r="37" spans="1:19" ht="20.100000000000001" customHeight="1" x14ac:dyDescent="0.15">
      <c r="A37" s="2"/>
      <c r="B37" s="2"/>
      <c r="M37" s="2"/>
      <c r="S37" s="526"/>
    </row>
    <row r="38" spans="1:19" ht="20.100000000000001" customHeight="1" thickBot="1" x14ac:dyDescent="0.2">
      <c r="A38" s="269" t="s">
        <v>373</v>
      </c>
      <c r="B38" s="269"/>
      <c r="C38" s="175"/>
      <c r="D38" s="175"/>
      <c r="E38" s="175"/>
      <c r="M38" s="2"/>
    </row>
    <row r="39" spans="1:19" ht="20.100000000000001" customHeight="1" x14ac:dyDescent="0.15">
      <c r="A39" s="649" t="s">
        <v>276</v>
      </c>
      <c r="B39" s="650"/>
      <c r="C39" s="504"/>
      <c r="D39" s="504"/>
      <c r="E39" s="505"/>
      <c r="M39" s="2"/>
    </row>
    <row r="40" spans="1:19" ht="20.100000000000001" customHeight="1" x14ac:dyDescent="0.15">
      <c r="A40" s="651" t="s">
        <v>277</v>
      </c>
      <c r="B40" s="269"/>
      <c r="C40" s="175"/>
      <c r="D40" s="175"/>
      <c r="E40" s="506"/>
      <c r="M40" s="2"/>
    </row>
    <row r="41" spans="1:19" ht="20.100000000000001" customHeight="1" thickBot="1" x14ac:dyDescent="0.2">
      <c r="A41" s="655" t="s">
        <v>278</v>
      </c>
      <c r="B41" s="654"/>
      <c r="C41" s="507"/>
      <c r="D41" s="507"/>
      <c r="E41" s="508"/>
      <c r="M41" s="2"/>
    </row>
    <row r="42" spans="1:19" ht="20.100000000000001" customHeight="1" x14ac:dyDescent="0.15">
      <c r="O42" s="2"/>
    </row>
    <row r="43" spans="1:19" ht="20.100000000000001" customHeight="1" thickBot="1" x14ac:dyDescent="0.2">
      <c r="A43" s="2" t="s">
        <v>314</v>
      </c>
      <c r="B43" s="2"/>
      <c r="C43" s="2"/>
      <c r="D43" s="2"/>
      <c r="E43" s="2" t="s">
        <v>322</v>
      </c>
      <c r="G43" s="2" t="s">
        <v>315</v>
      </c>
      <c r="H43" s="2"/>
      <c r="I43" s="2"/>
      <c r="J43" s="2"/>
      <c r="K43" s="2" t="s">
        <v>322</v>
      </c>
    </row>
    <row r="44" spans="1:19" s="656" customFormat="1" ht="20.100000000000001" customHeight="1" thickBot="1" x14ac:dyDescent="0.2">
      <c r="A44" s="608" t="s">
        <v>67</v>
      </c>
      <c r="B44" s="609" t="s">
        <v>318</v>
      </c>
      <c r="C44" s="610" t="s">
        <v>319</v>
      </c>
      <c r="D44" s="611" t="s">
        <v>320</v>
      </c>
      <c r="E44" s="612" t="s">
        <v>321</v>
      </c>
      <c r="G44" s="608" t="s">
        <v>67</v>
      </c>
      <c r="H44" s="609" t="s">
        <v>318</v>
      </c>
      <c r="I44" s="610" t="s">
        <v>319</v>
      </c>
      <c r="J44" s="611" t="s">
        <v>320</v>
      </c>
      <c r="K44" s="612" t="s">
        <v>321</v>
      </c>
    </row>
    <row r="45" spans="1:19" s="656" customFormat="1" ht="19.5" customHeight="1" thickTop="1" x14ac:dyDescent="0.15">
      <c r="A45" s="756" t="s">
        <v>98</v>
      </c>
      <c r="B45" s="602">
        <v>6</v>
      </c>
      <c r="C45" s="602">
        <v>8</v>
      </c>
      <c r="D45" s="602">
        <v>0</v>
      </c>
      <c r="E45" s="603">
        <v>1</v>
      </c>
      <c r="G45" s="756" t="s">
        <v>98</v>
      </c>
      <c r="H45" s="602">
        <v>5</v>
      </c>
      <c r="I45" s="602">
        <v>6</v>
      </c>
      <c r="J45" s="602">
        <v>3</v>
      </c>
      <c r="K45" s="603">
        <v>1</v>
      </c>
    </row>
    <row r="46" spans="1:19" s="656" customFormat="1" ht="19.5" customHeight="1" x14ac:dyDescent="0.15">
      <c r="A46" s="757"/>
      <c r="B46" s="748">
        <v>0.93333333333333335</v>
      </c>
      <c r="C46" s="749"/>
      <c r="D46" s="748">
        <v>6.6666666666666666E-2</v>
      </c>
      <c r="E46" s="750"/>
      <c r="G46" s="757"/>
      <c r="H46" s="748">
        <v>0.73333333333333328</v>
      </c>
      <c r="I46" s="749"/>
      <c r="J46" s="748">
        <v>0.26666666666666666</v>
      </c>
      <c r="K46" s="750"/>
    </row>
    <row r="47" spans="1:19" s="656" customFormat="1" ht="19.5" customHeight="1" x14ac:dyDescent="0.15">
      <c r="A47" s="758" t="s">
        <v>99</v>
      </c>
      <c r="B47" s="604">
        <v>20</v>
      </c>
      <c r="C47" s="604">
        <v>21</v>
      </c>
      <c r="D47" s="604">
        <v>2</v>
      </c>
      <c r="E47" s="605">
        <v>0</v>
      </c>
      <c r="G47" s="758" t="s">
        <v>99</v>
      </c>
      <c r="H47" s="604">
        <v>18</v>
      </c>
      <c r="I47" s="604">
        <v>22</v>
      </c>
      <c r="J47" s="604">
        <v>2</v>
      </c>
      <c r="K47" s="605">
        <v>1</v>
      </c>
    </row>
    <row r="48" spans="1:19" s="656" customFormat="1" ht="19.5" customHeight="1" x14ac:dyDescent="0.15">
      <c r="A48" s="757"/>
      <c r="B48" s="748">
        <v>0.95348837209302328</v>
      </c>
      <c r="C48" s="749"/>
      <c r="D48" s="748">
        <v>4.6511627906976744E-2</v>
      </c>
      <c r="E48" s="750"/>
      <c r="G48" s="757"/>
      <c r="H48" s="748">
        <v>0.93023255813953487</v>
      </c>
      <c r="I48" s="749"/>
      <c r="J48" s="748">
        <v>6.9767441860465115E-2</v>
      </c>
      <c r="K48" s="750"/>
    </row>
    <row r="49" spans="1:24" s="656" customFormat="1" ht="19.5" customHeight="1" x14ac:dyDescent="0.15">
      <c r="A49" s="758" t="s">
        <v>100</v>
      </c>
      <c r="B49" s="604">
        <v>18</v>
      </c>
      <c r="C49" s="604">
        <v>7</v>
      </c>
      <c r="D49" s="604">
        <v>2</v>
      </c>
      <c r="E49" s="605">
        <v>0</v>
      </c>
      <c r="G49" s="758" t="s">
        <v>100</v>
      </c>
      <c r="H49" s="604">
        <v>15</v>
      </c>
      <c r="I49" s="604">
        <v>11</v>
      </c>
      <c r="J49" s="604">
        <v>1</v>
      </c>
      <c r="K49" s="605">
        <v>0</v>
      </c>
    </row>
    <row r="50" spans="1:24" s="656" customFormat="1" ht="19.5" customHeight="1" x14ac:dyDescent="0.15">
      <c r="A50" s="757"/>
      <c r="B50" s="748">
        <v>0.92592592592592593</v>
      </c>
      <c r="C50" s="749"/>
      <c r="D50" s="748">
        <v>7.407407407407407E-2</v>
      </c>
      <c r="E50" s="750"/>
      <c r="G50" s="757"/>
      <c r="H50" s="748">
        <v>0.96296296296296291</v>
      </c>
      <c r="I50" s="749"/>
      <c r="J50" s="748">
        <v>3.7037037037037035E-2</v>
      </c>
      <c r="K50" s="750"/>
    </row>
    <row r="51" spans="1:24" s="656" customFormat="1" ht="19.5" customHeight="1" x14ac:dyDescent="0.15">
      <c r="A51" s="754" t="s">
        <v>101</v>
      </c>
      <c r="B51" s="606">
        <v>7</v>
      </c>
      <c r="C51" s="606">
        <v>10</v>
      </c>
      <c r="D51" s="606">
        <v>0</v>
      </c>
      <c r="E51" s="607">
        <v>0</v>
      </c>
      <c r="G51" s="754" t="s">
        <v>101</v>
      </c>
      <c r="H51" s="606">
        <v>5</v>
      </c>
      <c r="I51" s="606">
        <v>11</v>
      </c>
      <c r="J51" s="606">
        <v>1</v>
      </c>
      <c r="K51" s="607">
        <v>0</v>
      </c>
    </row>
    <row r="52" spans="1:24" s="656" customFormat="1" ht="19.5" customHeight="1" x14ac:dyDescent="0.15">
      <c r="A52" s="759"/>
      <c r="B52" s="748">
        <v>1</v>
      </c>
      <c r="C52" s="749"/>
      <c r="D52" s="748">
        <v>0</v>
      </c>
      <c r="E52" s="750"/>
      <c r="G52" s="759"/>
      <c r="H52" s="748">
        <v>0.94117647058823528</v>
      </c>
      <c r="I52" s="749"/>
      <c r="J52" s="748">
        <v>5.8823529411764705E-2</v>
      </c>
      <c r="K52" s="750"/>
    </row>
    <row r="53" spans="1:24" s="656" customFormat="1" ht="19.5" customHeight="1" x14ac:dyDescent="0.15">
      <c r="A53" s="754" t="s">
        <v>102</v>
      </c>
      <c r="B53" s="606">
        <v>7</v>
      </c>
      <c r="C53" s="606">
        <v>8</v>
      </c>
      <c r="D53" s="606">
        <v>1</v>
      </c>
      <c r="E53" s="607">
        <v>0</v>
      </c>
      <c r="G53" s="754" t="s">
        <v>102</v>
      </c>
      <c r="H53" s="606">
        <v>7</v>
      </c>
      <c r="I53" s="606">
        <v>8</v>
      </c>
      <c r="J53" s="606">
        <v>1</v>
      </c>
      <c r="K53" s="607">
        <v>0</v>
      </c>
    </row>
    <row r="54" spans="1:24" s="656" customFormat="1" ht="19.5" customHeight="1" x14ac:dyDescent="0.15">
      <c r="A54" s="759"/>
      <c r="B54" s="748">
        <v>0.9375</v>
      </c>
      <c r="C54" s="749"/>
      <c r="D54" s="748">
        <v>6.25E-2</v>
      </c>
      <c r="E54" s="750"/>
      <c r="G54" s="759"/>
      <c r="H54" s="748">
        <v>0.9375</v>
      </c>
      <c r="I54" s="749"/>
      <c r="J54" s="748">
        <v>6.25E-2</v>
      </c>
      <c r="K54" s="750"/>
    </row>
    <row r="55" spans="1:24" s="656" customFormat="1" ht="19.5" customHeight="1" x14ac:dyDescent="0.15">
      <c r="A55" s="754" t="s">
        <v>11</v>
      </c>
      <c r="B55" s="626">
        <v>10</v>
      </c>
      <c r="C55" s="626">
        <v>8</v>
      </c>
      <c r="D55" s="626">
        <v>1</v>
      </c>
      <c r="E55" s="627">
        <v>0</v>
      </c>
      <c r="G55" s="754" t="s">
        <v>11</v>
      </c>
      <c r="H55" s="626">
        <v>9</v>
      </c>
      <c r="I55" s="626">
        <v>10</v>
      </c>
      <c r="J55" s="626">
        <v>0</v>
      </c>
      <c r="K55" s="627">
        <v>0</v>
      </c>
    </row>
    <row r="56" spans="1:24" s="656" customFormat="1" ht="19.5" customHeight="1" thickBot="1" x14ac:dyDescent="0.2">
      <c r="A56" s="755"/>
      <c r="B56" s="748">
        <v>0.94736842105263153</v>
      </c>
      <c r="C56" s="749"/>
      <c r="D56" s="748">
        <v>5.2631578947368418E-2</v>
      </c>
      <c r="E56" s="750"/>
      <c r="G56" s="755"/>
      <c r="H56" s="748">
        <v>1</v>
      </c>
      <c r="I56" s="749"/>
      <c r="J56" s="748">
        <v>0</v>
      </c>
      <c r="K56" s="750"/>
    </row>
    <row r="57" spans="1:24" s="656" customFormat="1" ht="19.5" customHeight="1" thickTop="1" x14ac:dyDescent="0.15">
      <c r="A57" s="622" t="s">
        <v>65</v>
      </c>
      <c r="B57" s="623">
        <v>68</v>
      </c>
      <c r="C57" s="623">
        <v>62</v>
      </c>
      <c r="D57" s="623">
        <v>6</v>
      </c>
      <c r="E57" s="624">
        <v>1</v>
      </c>
      <c r="G57" s="622" t="s">
        <v>65</v>
      </c>
      <c r="H57" s="623">
        <v>59</v>
      </c>
      <c r="I57" s="623">
        <v>68</v>
      </c>
      <c r="J57" s="623">
        <v>8</v>
      </c>
      <c r="K57" s="624">
        <v>2</v>
      </c>
    </row>
    <row r="58" spans="1:24" s="656" customFormat="1" ht="19.5" customHeight="1" thickBot="1" x14ac:dyDescent="0.2">
      <c r="A58" s="625" t="s">
        <v>329</v>
      </c>
      <c r="B58" s="751">
        <v>0.94890510948905105</v>
      </c>
      <c r="C58" s="752"/>
      <c r="D58" s="751">
        <v>5.1094890510948905E-2</v>
      </c>
      <c r="E58" s="753"/>
      <c r="G58" s="625" t="s">
        <v>329</v>
      </c>
      <c r="H58" s="751">
        <v>0.92700729927007297</v>
      </c>
      <c r="I58" s="752"/>
      <c r="J58" s="751">
        <v>7.2992700729927001E-2</v>
      </c>
      <c r="K58" s="753"/>
    </row>
    <row r="59" spans="1:24" s="656" customFormat="1" ht="19.5" customHeight="1" x14ac:dyDescent="0.15">
      <c r="A59" s="613"/>
      <c r="B59" s="614"/>
      <c r="C59" s="614"/>
      <c r="D59" s="614"/>
      <c r="E59" s="615"/>
      <c r="G59" s="613"/>
      <c r="H59" s="614"/>
      <c r="I59" s="614"/>
      <c r="J59" s="614"/>
      <c r="K59" s="615"/>
      <c r="N59" s="613"/>
      <c r="O59" s="614"/>
      <c r="P59" s="614"/>
      <c r="Q59" s="614"/>
      <c r="R59" s="615"/>
      <c r="T59" s="613"/>
      <c r="U59" s="614"/>
      <c r="V59" s="614"/>
      <c r="W59" s="614"/>
      <c r="X59" s="615"/>
    </row>
    <row r="60" spans="1:24" s="656" customFormat="1" ht="19.5" customHeight="1" thickBot="1" x14ac:dyDescent="0.2">
      <c r="A60" s="2" t="s">
        <v>316</v>
      </c>
      <c r="B60" s="2"/>
      <c r="C60" s="2"/>
      <c r="D60" s="2"/>
      <c r="E60" s="2" t="s">
        <v>322</v>
      </c>
      <c r="F60" s="268"/>
      <c r="G60" s="525" t="s">
        <v>327</v>
      </c>
      <c r="H60" s="525"/>
      <c r="I60" s="525"/>
      <c r="J60" s="526"/>
      <c r="K60" s="268"/>
      <c r="N60" s="613"/>
      <c r="O60" s="614"/>
      <c r="P60" s="614"/>
      <c r="Q60" s="614"/>
      <c r="R60" s="615"/>
      <c r="T60" s="613"/>
      <c r="U60" s="614"/>
      <c r="V60" s="614"/>
      <c r="W60" s="614"/>
      <c r="X60" s="615"/>
    </row>
    <row r="61" spans="1:24" s="656" customFormat="1" ht="19.5" customHeight="1" thickBot="1" x14ac:dyDescent="0.2">
      <c r="A61" s="608" t="s">
        <v>67</v>
      </c>
      <c r="B61" s="609" t="s">
        <v>318</v>
      </c>
      <c r="C61" s="610" t="s">
        <v>319</v>
      </c>
      <c r="D61" s="611" t="s">
        <v>320</v>
      </c>
      <c r="E61" s="612" t="s">
        <v>321</v>
      </c>
      <c r="G61" s="527" t="s">
        <v>324</v>
      </c>
      <c r="H61" s="504"/>
      <c r="I61" s="528" t="s">
        <v>287</v>
      </c>
      <c r="J61" s="650"/>
      <c r="K61" s="657"/>
      <c r="N61" s="613"/>
      <c r="O61" s="614"/>
      <c r="P61" s="614"/>
      <c r="Q61" s="614"/>
      <c r="R61" s="615"/>
      <c r="T61" s="613"/>
      <c r="U61" s="614"/>
      <c r="V61" s="614"/>
      <c r="W61" s="614"/>
      <c r="X61" s="615"/>
    </row>
    <row r="62" spans="1:24" s="656" customFormat="1" ht="19.5" customHeight="1" thickTop="1" x14ac:dyDescent="0.15">
      <c r="A62" s="756" t="s">
        <v>98</v>
      </c>
      <c r="B62" s="602">
        <v>3</v>
      </c>
      <c r="C62" s="602">
        <v>7</v>
      </c>
      <c r="D62" s="602">
        <v>4</v>
      </c>
      <c r="E62" s="603">
        <v>1</v>
      </c>
      <c r="G62" s="529"/>
      <c r="H62" s="175"/>
      <c r="I62" s="525" t="s">
        <v>288</v>
      </c>
      <c r="J62" s="525"/>
      <c r="K62" s="530"/>
      <c r="N62" s="613"/>
      <c r="O62" s="614"/>
      <c r="P62" s="614"/>
      <c r="Q62" s="614"/>
      <c r="R62" s="615"/>
      <c r="T62" s="613"/>
      <c r="U62" s="614"/>
      <c r="V62" s="614"/>
      <c r="W62" s="614"/>
      <c r="X62" s="615"/>
    </row>
    <row r="63" spans="1:24" s="656" customFormat="1" ht="19.5" customHeight="1" x14ac:dyDescent="0.15">
      <c r="A63" s="757"/>
      <c r="B63" s="748">
        <v>0.66666666666666663</v>
      </c>
      <c r="C63" s="749"/>
      <c r="D63" s="748">
        <v>0.33333333333333331</v>
      </c>
      <c r="E63" s="750"/>
      <c r="G63" s="651" t="s">
        <v>325</v>
      </c>
      <c r="H63" s="269"/>
      <c r="I63" s="525" t="s">
        <v>289</v>
      </c>
      <c r="J63" s="269"/>
      <c r="K63" s="658"/>
      <c r="N63" s="613"/>
      <c r="O63" s="614"/>
      <c r="P63" s="614"/>
      <c r="Q63" s="614"/>
      <c r="R63" s="615"/>
      <c r="T63" s="613"/>
      <c r="U63" s="614"/>
      <c r="V63" s="614"/>
      <c r="W63" s="614"/>
      <c r="X63" s="615"/>
    </row>
    <row r="64" spans="1:24" s="656" customFormat="1" ht="19.5" customHeight="1" x14ac:dyDescent="0.15">
      <c r="A64" s="758" t="s">
        <v>99</v>
      </c>
      <c r="B64" s="604">
        <v>14</v>
      </c>
      <c r="C64" s="604">
        <v>27</v>
      </c>
      <c r="D64" s="604">
        <v>2</v>
      </c>
      <c r="E64" s="605">
        <v>0</v>
      </c>
      <c r="G64" s="651"/>
      <c r="H64" s="269"/>
      <c r="I64" s="525" t="s">
        <v>294</v>
      </c>
      <c r="J64" s="525"/>
      <c r="K64" s="530"/>
      <c r="N64" s="613"/>
      <c r="O64" s="614"/>
      <c r="P64" s="614"/>
      <c r="Q64" s="614"/>
      <c r="R64" s="615"/>
      <c r="T64" s="613"/>
      <c r="U64" s="614"/>
      <c r="V64" s="614"/>
      <c r="W64" s="614"/>
      <c r="X64" s="615"/>
    </row>
    <row r="65" spans="1:24" s="656" customFormat="1" ht="19.5" customHeight="1" x14ac:dyDescent="0.15">
      <c r="A65" s="757"/>
      <c r="B65" s="748">
        <v>0.95348837209302328</v>
      </c>
      <c r="C65" s="749"/>
      <c r="D65" s="748">
        <v>4.6511627906976744E-2</v>
      </c>
      <c r="E65" s="750"/>
      <c r="G65" s="651"/>
      <c r="H65" s="269"/>
      <c r="I65" s="525" t="s">
        <v>293</v>
      </c>
      <c r="J65" s="525"/>
      <c r="K65" s="530"/>
      <c r="N65" s="613"/>
      <c r="O65" s="614"/>
      <c r="P65" s="614"/>
      <c r="Q65" s="614"/>
      <c r="R65" s="615"/>
      <c r="T65" s="613"/>
      <c r="U65" s="614"/>
      <c r="V65" s="614"/>
      <c r="W65" s="614"/>
      <c r="X65" s="615"/>
    </row>
    <row r="66" spans="1:24" s="656" customFormat="1" ht="19.5" customHeight="1" x14ac:dyDescent="0.15">
      <c r="A66" s="758" t="s">
        <v>100</v>
      </c>
      <c r="B66" s="604">
        <v>13</v>
      </c>
      <c r="C66" s="604">
        <v>12</v>
      </c>
      <c r="D66" s="604">
        <v>2</v>
      </c>
      <c r="E66" s="605">
        <v>0</v>
      </c>
      <c r="G66" s="651" t="s">
        <v>326</v>
      </c>
      <c r="H66" s="269"/>
      <c r="I66" s="525" t="s">
        <v>287</v>
      </c>
      <c r="J66" s="525"/>
      <c r="K66" s="530"/>
      <c r="N66" s="613"/>
      <c r="O66" s="614"/>
      <c r="P66" s="614"/>
      <c r="Q66" s="614"/>
      <c r="R66" s="615"/>
      <c r="T66" s="613"/>
      <c r="U66" s="614"/>
      <c r="V66" s="614"/>
      <c r="W66" s="614"/>
      <c r="X66" s="615"/>
    </row>
    <row r="67" spans="1:24" ht="19.5" customHeight="1" x14ac:dyDescent="0.15">
      <c r="A67" s="757"/>
      <c r="B67" s="748">
        <v>0.92592592592592593</v>
      </c>
      <c r="C67" s="749"/>
      <c r="D67" s="748">
        <v>7.407407407407407E-2</v>
      </c>
      <c r="E67" s="750"/>
      <c r="F67" s="656"/>
      <c r="G67" s="651"/>
      <c r="H67" s="269"/>
      <c r="I67" s="525" t="s">
        <v>290</v>
      </c>
      <c r="J67" s="525"/>
      <c r="K67" s="530"/>
    </row>
    <row r="68" spans="1:24" ht="19.5" customHeight="1" thickBot="1" x14ac:dyDescent="0.2">
      <c r="A68" s="754" t="s">
        <v>101</v>
      </c>
      <c r="B68" s="606">
        <v>5</v>
      </c>
      <c r="C68" s="606">
        <v>12</v>
      </c>
      <c r="D68" s="606">
        <v>0</v>
      </c>
      <c r="E68" s="607">
        <v>0</v>
      </c>
      <c r="F68" s="656"/>
      <c r="G68" s="653"/>
      <c r="H68" s="654"/>
      <c r="I68" s="531" t="s">
        <v>291</v>
      </c>
      <c r="J68" s="531"/>
      <c r="K68" s="616"/>
    </row>
    <row r="69" spans="1:24" ht="19.5" customHeight="1" x14ac:dyDescent="0.15">
      <c r="A69" s="759"/>
      <c r="B69" s="748">
        <v>1</v>
      </c>
      <c r="C69" s="749"/>
      <c r="D69" s="748">
        <v>0</v>
      </c>
      <c r="E69" s="750"/>
      <c r="F69" s="656"/>
      <c r="G69" s="269"/>
      <c r="H69" s="269"/>
      <c r="I69" s="525"/>
      <c r="J69" s="525"/>
      <c r="K69" s="525"/>
    </row>
    <row r="70" spans="1:24" ht="19.5" customHeight="1" x14ac:dyDescent="0.15">
      <c r="A70" s="754" t="s">
        <v>102</v>
      </c>
      <c r="B70" s="606">
        <v>6</v>
      </c>
      <c r="C70" s="606">
        <v>9</v>
      </c>
      <c r="D70" s="606">
        <v>1</v>
      </c>
      <c r="E70" s="607">
        <v>0</v>
      </c>
      <c r="F70" s="656"/>
    </row>
    <row r="71" spans="1:24" ht="19.5" customHeight="1" x14ac:dyDescent="0.15">
      <c r="A71" s="759"/>
      <c r="B71" s="748">
        <v>0.9375</v>
      </c>
      <c r="C71" s="749"/>
      <c r="D71" s="748">
        <v>6.25E-2</v>
      </c>
      <c r="E71" s="750"/>
      <c r="F71" s="656"/>
    </row>
    <row r="72" spans="1:24" ht="19.5" customHeight="1" x14ac:dyDescent="0.15">
      <c r="A72" s="754" t="s">
        <v>11</v>
      </c>
      <c r="B72" s="626">
        <v>7</v>
      </c>
      <c r="C72" s="626">
        <v>12</v>
      </c>
      <c r="D72" s="626">
        <v>0</v>
      </c>
      <c r="E72" s="627">
        <v>0</v>
      </c>
      <c r="F72" s="656"/>
    </row>
    <row r="73" spans="1:24" ht="19.5" customHeight="1" thickBot="1" x14ac:dyDescent="0.2">
      <c r="A73" s="755"/>
      <c r="B73" s="748">
        <v>1</v>
      </c>
      <c r="C73" s="749"/>
      <c r="D73" s="748">
        <v>0</v>
      </c>
      <c r="E73" s="750"/>
      <c r="F73" s="656"/>
    </row>
    <row r="74" spans="1:24" ht="19.5" customHeight="1" thickTop="1" x14ac:dyDescent="0.15">
      <c r="A74" s="622" t="s">
        <v>65</v>
      </c>
      <c r="B74" s="623">
        <v>48</v>
      </c>
      <c r="C74" s="623">
        <v>79</v>
      </c>
      <c r="D74" s="623">
        <v>9</v>
      </c>
      <c r="E74" s="624">
        <v>1</v>
      </c>
      <c r="F74" s="656"/>
    </row>
    <row r="75" spans="1:24" ht="19.5" customHeight="1" thickBot="1" x14ac:dyDescent="0.2">
      <c r="A75" s="625" t="s">
        <v>329</v>
      </c>
      <c r="B75" s="751">
        <v>0.92700729927007297</v>
      </c>
      <c r="C75" s="752"/>
      <c r="D75" s="751">
        <v>7.2992700729927001E-2</v>
      </c>
      <c r="E75" s="753"/>
      <c r="F75" s="656"/>
    </row>
    <row r="76" spans="1:24" ht="19.5" customHeight="1" x14ac:dyDescent="0.15">
      <c r="A76" s="613"/>
      <c r="B76" s="614"/>
      <c r="C76" s="614"/>
      <c r="D76" s="614"/>
      <c r="E76" s="615"/>
    </row>
    <row r="77" spans="1:24" ht="19.5" customHeight="1" thickBot="1" x14ac:dyDescent="0.2">
      <c r="A77" s="2" t="s">
        <v>317</v>
      </c>
      <c r="B77" s="2"/>
      <c r="C77" s="2"/>
      <c r="D77" s="2"/>
      <c r="E77" s="2" t="s">
        <v>323</v>
      </c>
      <c r="G77" s="525" t="s">
        <v>328</v>
      </c>
    </row>
    <row r="78" spans="1:24" ht="19.5" customHeight="1" thickBot="1" x14ac:dyDescent="0.2">
      <c r="A78" s="608" t="s">
        <v>67</v>
      </c>
      <c r="B78" s="609" t="s">
        <v>318</v>
      </c>
      <c r="C78" s="610" t="s">
        <v>319</v>
      </c>
      <c r="D78" s="611" t="s">
        <v>320</v>
      </c>
      <c r="E78" s="612" t="s">
        <v>321</v>
      </c>
      <c r="G78" s="619" t="s">
        <v>295</v>
      </c>
      <c r="H78" s="650"/>
      <c r="I78" s="650"/>
      <c r="J78" s="617"/>
      <c r="K78" s="618"/>
    </row>
    <row r="79" spans="1:24" ht="19.5" customHeight="1" thickTop="1" x14ac:dyDescent="0.15">
      <c r="A79" s="756" t="s">
        <v>98</v>
      </c>
      <c r="B79" s="602">
        <v>4</v>
      </c>
      <c r="C79" s="602">
        <v>6</v>
      </c>
      <c r="D79" s="602">
        <v>3</v>
      </c>
      <c r="E79" s="603">
        <v>1</v>
      </c>
      <c r="G79" s="620" t="s">
        <v>292</v>
      </c>
      <c r="H79" s="269"/>
      <c r="I79" s="269"/>
      <c r="J79" s="269"/>
      <c r="K79" s="658"/>
    </row>
    <row r="80" spans="1:24" ht="19.5" customHeight="1" thickBot="1" x14ac:dyDescent="0.2">
      <c r="A80" s="757"/>
      <c r="B80" s="748">
        <v>0.7142857142857143</v>
      </c>
      <c r="C80" s="749"/>
      <c r="D80" s="748">
        <v>0.2857142857142857</v>
      </c>
      <c r="E80" s="750"/>
      <c r="G80" s="621" t="s">
        <v>291</v>
      </c>
      <c r="H80" s="654"/>
      <c r="I80" s="654"/>
      <c r="J80" s="654"/>
      <c r="K80" s="659"/>
    </row>
    <row r="81" spans="1:5" ht="19.5" customHeight="1" x14ac:dyDescent="0.15">
      <c r="A81" s="758" t="s">
        <v>99</v>
      </c>
      <c r="B81" s="604">
        <v>19</v>
      </c>
      <c r="C81" s="604">
        <v>18</v>
      </c>
      <c r="D81" s="604">
        <v>6</v>
      </c>
      <c r="E81" s="605">
        <v>0</v>
      </c>
    </row>
    <row r="82" spans="1:5" ht="19.5" customHeight="1" x14ac:dyDescent="0.15">
      <c r="A82" s="757"/>
      <c r="B82" s="748">
        <v>0.86046511627906974</v>
      </c>
      <c r="C82" s="749"/>
      <c r="D82" s="748">
        <v>0.13953488372093023</v>
      </c>
      <c r="E82" s="750"/>
    </row>
    <row r="83" spans="1:5" ht="19.5" customHeight="1" x14ac:dyDescent="0.15">
      <c r="A83" s="758" t="s">
        <v>100</v>
      </c>
      <c r="B83" s="604">
        <v>17</v>
      </c>
      <c r="C83" s="604">
        <v>6</v>
      </c>
      <c r="D83" s="604">
        <v>2</v>
      </c>
      <c r="E83" s="605">
        <v>0</v>
      </c>
    </row>
    <row r="84" spans="1:5" ht="19.5" customHeight="1" x14ac:dyDescent="0.15">
      <c r="A84" s="757"/>
      <c r="B84" s="748">
        <v>0.92</v>
      </c>
      <c r="C84" s="749"/>
      <c r="D84" s="748">
        <v>0.08</v>
      </c>
      <c r="E84" s="750"/>
    </row>
    <row r="85" spans="1:5" ht="19.5" customHeight="1" x14ac:dyDescent="0.15">
      <c r="A85" s="754" t="s">
        <v>101</v>
      </c>
      <c r="B85" s="606">
        <v>7</v>
      </c>
      <c r="C85" s="606">
        <v>8</v>
      </c>
      <c r="D85" s="606">
        <v>2</v>
      </c>
      <c r="E85" s="607">
        <v>0</v>
      </c>
    </row>
    <row r="86" spans="1:5" ht="19.5" customHeight="1" x14ac:dyDescent="0.15">
      <c r="A86" s="759"/>
      <c r="B86" s="748">
        <v>0.88235294117647056</v>
      </c>
      <c r="C86" s="749"/>
      <c r="D86" s="748">
        <v>0.11764705882352941</v>
      </c>
      <c r="E86" s="750"/>
    </row>
    <row r="87" spans="1:5" ht="19.5" customHeight="1" x14ac:dyDescent="0.15">
      <c r="A87" s="754" t="s">
        <v>102</v>
      </c>
      <c r="B87" s="606">
        <v>10</v>
      </c>
      <c r="C87" s="606">
        <v>6</v>
      </c>
      <c r="D87" s="606">
        <v>0</v>
      </c>
      <c r="E87" s="607">
        <v>0</v>
      </c>
    </row>
    <row r="88" spans="1:5" ht="19.5" customHeight="1" x14ac:dyDescent="0.15">
      <c r="A88" s="759"/>
      <c r="B88" s="748">
        <v>1</v>
      </c>
      <c r="C88" s="749"/>
      <c r="D88" s="748">
        <v>0</v>
      </c>
      <c r="E88" s="750"/>
    </row>
    <row r="89" spans="1:5" ht="19.5" customHeight="1" x14ac:dyDescent="0.15">
      <c r="A89" s="754" t="s">
        <v>11</v>
      </c>
      <c r="B89" s="626">
        <v>9</v>
      </c>
      <c r="C89" s="626">
        <v>10</v>
      </c>
      <c r="D89" s="626">
        <v>0</v>
      </c>
      <c r="E89" s="627">
        <v>0</v>
      </c>
    </row>
    <row r="90" spans="1:5" ht="19.5" customHeight="1" thickBot="1" x14ac:dyDescent="0.2">
      <c r="A90" s="755"/>
      <c r="B90" s="748">
        <v>1</v>
      </c>
      <c r="C90" s="749"/>
      <c r="D90" s="748">
        <v>0</v>
      </c>
      <c r="E90" s="750"/>
    </row>
    <row r="91" spans="1:5" ht="19.5" customHeight="1" thickTop="1" x14ac:dyDescent="0.15">
      <c r="A91" s="622" t="s">
        <v>65</v>
      </c>
      <c r="B91" s="623">
        <v>66</v>
      </c>
      <c r="C91" s="623">
        <v>54</v>
      </c>
      <c r="D91" s="623">
        <v>13</v>
      </c>
      <c r="E91" s="624">
        <v>1</v>
      </c>
    </row>
    <row r="92" spans="1:5" ht="19.5" customHeight="1" thickBot="1" x14ac:dyDescent="0.2">
      <c r="A92" s="625" t="s">
        <v>329</v>
      </c>
      <c r="B92" s="751">
        <v>0.89552238805970152</v>
      </c>
      <c r="C92" s="752"/>
      <c r="D92" s="751">
        <v>0.1044776119402985</v>
      </c>
      <c r="E92" s="753"/>
    </row>
  </sheetData>
  <mergeCells count="80">
    <mergeCell ref="A87:A88"/>
    <mergeCell ref="A89:A90"/>
    <mergeCell ref="A72:A73"/>
    <mergeCell ref="A79:A80"/>
    <mergeCell ref="A81:A82"/>
    <mergeCell ref="A83:A84"/>
    <mergeCell ref="A85:A86"/>
    <mergeCell ref="A62:A63"/>
    <mergeCell ref="A64:A65"/>
    <mergeCell ref="A66:A67"/>
    <mergeCell ref="A68:A69"/>
    <mergeCell ref="A70:A71"/>
    <mergeCell ref="A55:A56"/>
    <mergeCell ref="G45:G46"/>
    <mergeCell ref="G47:G48"/>
    <mergeCell ref="G49:G50"/>
    <mergeCell ref="G51:G52"/>
    <mergeCell ref="G53:G54"/>
    <mergeCell ref="G55:G56"/>
    <mergeCell ref="A45:A46"/>
    <mergeCell ref="A47:A48"/>
    <mergeCell ref="A49:A50"/>
    <mergeCell ref="A51:A52"/>
    <mergeCell ref="A53:A54"/>
    <mergeCell ref="H58:I58"/>
    <mergeCell ref="J58:K58"/>
    <mergeCell ref="B75:C75"/>
    <mergeCell ref="D75:E75"/>
    <mergeCell ref="B63:C63"/>
    <mergeCell ref="D63:E63"/>
    <mergeCell ref="B65:C65"/>
    <mergeCell ref="D65:E65"/>
    <mergeCell ref="B67:C67"/>
    <mergeCell ref="D67:E67"/>
    <mergeCell ref="B69:C69"/>
    <mergeCell ref="D69:E69"/>
    <mergeCell ref="B71:C71"/>
    <mergeCell ref="D71:E71"/>
    <mergeCell ref="B73:C73"/>
    <mergeCell ref="D73:E73"/>
    <mergeCell ref="B92:C92"/>
    <mergeCell ref="D92:E92"/>
    <mergeCell ref="B46:C46"/>
    <mergeCell ref="D46:E46"/>
    <mergeCell ref="B48:C48"/>
    <mergeCell ref="D48:E48"/>
    <mergeCell ref="B50:C50"/>
    <mergeCell ref="D50:E50"/>
    <mergeCell ref="B52:C52"/>
    <mergeCell ref="D52:E52"/>
    <mergeCell ref="B58:C58"/>
    <mergeCell ref="D58:E58"/>
    <mergeCell ref="B54:C54"/>
    <mergeCell ref="D54:E54"/>
    <mergeCell ref="B56:C56"/>
    <mergeCell ref="D56:E56"/>
    <mergeCell ref="J46:K46"/>
    <mergeCell ref="H48:I48"/>
    <mergeCell ref="J48:K48"/>
    <mergeCell ref="H50:I50"/>
    <mergeCell ref="J50:K50"/>
    <mergeCell ref="H46:I46"/>
    <mergeCell ref="H52:I52"/>
    <mergeCell ref="J52:K52"/>
    <mergeCell ref="H54:I54"/>
    <mergeCell ref="J54:K54"/>
    <mergeCell ref="H56:I56"/>
    <mergeCell ref="J56:K56"/>
    <mergeCell ref="B80:C80"/>
    <mergeCell ref="D80:E80"/>
    <mergeCell ref="B82:C82"/>
    <mergeCell ref="D82:E82"/>
    <mergeCell ref="B90:C90"/>
    <mergeCell ref="D90:E90"/>
    <mergeCell ref="B84:C84"/>
    <mergeCell ref="D84:E84"/>
    <mergeCell ref="B86:C86"/>
    <mergeCell ref="D86:E86"/>
    <mergeCell ref="B88:C88"/>
    <mergeCell ref="D88:E88"/>
  </mergeCells>
  <phoneticPr fontId="1"/>
  <pageMargins left="0.62992125984251968" right="0.23622047244094491" top="0.35433070866141736" bottom="0.35433070866141736" header="0.31496062992125984" footer="0.31496062992125984"/>
  <pageSetup paperSize="9" scale="58" fitToHeight="2" orientation="landscape" r:id="rId1"/>
  <headerFooter>
    <oddFooter>&amp;C&amp;P</oddFooter>
  </headerFooter>
  <rowBreaks count="1" manualBreakCount="1">
    <brk id="41" max="12"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L36"/>
  <sheetViews>
    <sheetView view="pageBreakPreview" zoomScale="80" zoomScaleNormal="80" zoomScaleSheetLayoutView="80" zoomScalePageLayoutView="50" workbookViewId="0"/>
  </sheetViews>
  <sheetFormatPr defaultColWidth="14.625" defaultRowHeight="20.100000000000001" customHeight="1" x14ac:dyDescent="0.15"/>
  <cols>
    <col min="1" max="1" width="14.625" style="2"/>
    <col min="2" max="2" width="14.625" style="2" customWidth="1"/>
    <col min="3" max="16384" width="14.625" style="2"/>
  </cols>
  <sheetData>
    <row r="1" spans="1:11" ht="20.100000000000001" customHeight="1" x14ac:dyDescent="0.15">
      <c r="A1" s="296" t="s">
        <v>359</v>
      </c>
      <c r="E1" s="27"/>
      <c r="F1" s="268"/>
      <c r="G1" s="268"/>
    </row>
    <row r="2" spans="1:11" ht="20.100000000000001" customHeight="1" x14ac:dyDescent="0.15">
      <c r="C2" s="5"/>
      <c r="D2" s="5"/>
      <c r="E2" s="5"/>
      <c r="F2" s="5"/>
      <c r="G2" s="5"/>
      <c r="H2" s="5"/>
      <c r="I2" s="5"/>
      <c r="J2" s="5"/>
    </row>
    <row r="3" spans="1:11" ht="20.100000000000001" customHeight="1" thickBot="1" x14ac:dyDescent="0.2">
      <c r="A3" s="2" t="s">
        <v>85</v>
      </c>
      <c r="C3" s="268"/>
      <c r="D3" s="268"/>
      <c r="E3" s="268" t="s">
        <v>308</v>
      </c>
      <c r="F3" s="269"/>
    </row>
    <row r="4" spans="1:11" ht="20.100000000000001" customHeight="1" x14ac:dyDescent="0.15">
      <c r="A4" s="765" t="s">
        <v>67</v>
      </c>
      <c r="B4" s="765" t="s">
        <v>296</v>
      </c>
      <c r="C4" s="760" t="s">
        <v>13</v>
      </c>
      <c r="D4" s="761"/>
      <c r="E4" s="762"/>
      <c r="F4" s="763" t="s">
        <v>14</v>
      </c>
      <c r="G4" s="761"/>
      <c r="H4" s="764"/>
      <c r="I4" s="760" t="s">
        <v>15</v>
      </c>
      <c r="J4" s="761"/>
      <c r="K4" s="762"/>
    </row>
    <row r="5" spans="1:11" ht="20.100000000000001" customHeight="1" thickBot="1" x14ac:dyDescent="0.2">
      <c r="A5" s="766"/>
      <c r="B5" s="766"/>
      <c r="C5" s="264" t="s">
        <v>214</v>
      </c>
      <c r="D5" s="265" t="s">
        <v>215</v>
      </c>
      <c r="E5" s="266" t="s">
        <v>217</v>
      </c>
      <c r="F5" s="267" t="s">
        <v>214</v>
      </c>
      <c r="G5" s="265" t="s">
        <v>215</v>
      </c>
      <c r="H5" s="266" t="s">
        <v>217</v>
      </c>
      <c r="I5" s="264" t="s">
        <v>214</v>
      </c>
      <c r="J5" s="265" t="s">
        <v>215</v>
      </c>
      <c r="K5" s="266" t="s">
        <v>217</v>
      </c>
    </row>
    <row r="6" spans="1:11" ht="20.100000000000001" customHeight="1" thickTop="1" x14ac:dyDescent="0.15">
      <c r="A6" s="270" t="s">
        <v>98</v>
      </c>
      <c r="B6" s="533">
        <v>45</v>
      </c>
      <c r="C6" s="35">
        <v>187</v>
      </c>
      <c r="D6" s="36">
        <v>106</v>
      </c>
      <c r="E6" s="38">
        <v>0.5668449197860963</v>
      </c>
      <c r="F6" s="61">
        <v>178</v>
      </c>
      <c r="G6" s="36">
        <v>98</v>
      </c>
      <c r="H6" s="271">
        <v>0.550561797752809</v>
      </c>
      <c r="I6" s="35">
        <v>9</v>
      </c>
      <c r="J6" s="36">
        <v>8</v>
      </c>
      <c r="K6" s="272">
        <v>0.88888888888888884</v>
      </c>
    </row>
    <row r="7" spans="1:11" ht="20.100000000000001" customHeight="1" x14ac:dyDescent="0.15">
      <c r="A7" s="273" t="s">
        <v>99</v>
      </c>
      <c r="B7" s="533">
        <v>67</v>
      </c>
      <c r="C7" s="35">
        <v>681</v>
      </c>
      <c r="D7" s="36">
        <v>471</v>
      </c>
      <c r="E7" s="38">
        <v>0.69162995594713661</v>
      </c>
      <c r="F7" s="158">
        <v>660</v>
      </c>
      <c r="G7" s="122">
        <v>455</v>
      </c>
      <c r="H7" s="271">
        <v>0.68939393939393945</v>
      </c>
      <c r="I7" s="121">
        <v>21</v>
      </c>
      <c r="J7" s="122">
        <v>16</v>
      </c>
      <c r="K7" s="272">
        <v>0.76190476190476186</v>
      </c>
    </row>
    <row r="8" spans="1:11" ht="20.100000000000001" customHeight="1" x14ac:dyDescent="0.15">
      <c r="A8" s="273" t="s">
        <v>100</v>
      </c>
      <c r="B8" s="533">
        <v>37</v>
      </c>
      <c r="C8" s="35">
        <v>485</v>
      </c>
      <c r="D8" s="36">
        <v>480</v>
      </c>
      <c r="E8" s="38">
        <v>0.98969072164948457</v>
      </c>
      <c r="F8" s="158">
        <v>485</v>
      </c>
      <c r="G8" s="122">
        <v>478</v>
      </c>
      <c r="H8" s="271">
        <v>0.9855670103092784</v>
      </c>
      <c r="I8" s="121">
        <v>0</v>
      </c>
      <c r="J8" s="122">
        <v>2</v>
      </c>
      <c r="K8" s="634" t="s">
        <v>344</v>
      </c>
    </row>
    <row r="9" spans="1:11" s="16" customFormat="1" ht="20.100000000000001" customHeight="1" x14ac:dyDescent="0.15">
      <c r="A9" s="274" t="s">
        <v>101</v>
      </c>
      <c r="B9" s="534">
        <v>19</v>
      </c>
      <c r="C9" s="11">
        <v>420</v>
      </c>
      <c r="D9" s="12">
        <v>477</v>
      </c>
      <c r="E9" s="14">
        <v>1.1357142857142857</v>
      </c>
      <c r="F9" s="159">
        <v>416</v>
      </c>
      <c r="G9" s="19">
        <v>468</v>
      </c>
      <c r="H9" s="275">
        <v>1.125</v>
      </c>
      <c r="I9" s="18">
        <v>4</v>
      </c>
      <c r="J9" s="19">
        <v>9</v>
      </c>
      <c r="K9" s="272">
        <v>2.25</v>
      </c>
    </row>
    <row r="10" spans="1:11" s="16" customFormat="1" ht="20.100000000000001" customHeight="1" x14ac:dyDescent="0.15">
      <c r="A10" s="274" t="s">
        <v>102</v>
      </c>
      <c r="B10" s="534">
        <v>14</v>
      </c>
      <c r="C10" s="11">
        <v>455</v>
      </c>
      <c r="D10" s="12">
        <v>489</v>
      </c>
      <c r="E10" s="14">
        <v>1.0747252747252747</v>
      </c>
      <c r="F10" s="159">
        <v>449</v>
      </c>
      <c r="G10" s="19">
        <v>476</v>
      </c>
      <c r="H10" s="275">
        <v>1.0601336302895323</v>
      </c>
      <c r="I10" s="18">
        <v>6</v>
      </c>
      <c r="J10" s="19">
        <v>13</v>
      </c>
      <c r="K10" s="272">
        <v>2.1666666666666665</v>
      </c>
    </row>
    <row r="11" spans="1:11" s="16" customFormat="1" ht="20.100000000000001" customHeight="1" thickBot="1" x14ac:dyDescent="0.2">
      <c r="A11" s="21" t="s">
        <v>11</v>
      </c>
      <c r="B11" s="535">
        <v>21</v>
      </c>
      <c r="C11" s="45">
        <v>1545</v>
      </c>
      <c r="D11" s="46">
        <v>1480</v>
      </c>
      <c r="E11" s="48">
        <v>0.95792880258899671</v>
      </c>
      <c r="F11" s="169">
        <v>1536</v>
      </c>
      <c r="G11" s="46">
        <v>1468</v>
      </c>
      <c r="H11" s="276">
        <v>0.95572916666666663</v>
      </c>
      <c r="I11" s="45">
        <v>9</v>
      </c>
      <c r="J11" s="46">
        <v>12</v>
      </c>
      <c r="K11" s="272">
        <v>1.3333333333333333</v>
      </c>
    </row>
    <row r="12" spans="1:11" ht="20.100000000000001" customHeight="1" thickTop="1" thickBot="1" x14ac:dyDescent="0.2">
      <c r="A12" s="277" t="s">
        <v>65</v>
      </c>
      <c r="B12" s="340">
        <v>203</v>
      </c>
      <c r="C12" s="115">
        <v>3773</v>
      </c>
      <c r="D12" s="116">
        <v>3503</v>
      </c>
      <c r="E12" s="263">
        <v>0.9284389080307448</v>
      </c>
      <c r="F12" s="117">
        <v>3724</v>
      </c>
      <c r="G12" s="116">
        <v>3443</v>
      </c>
      <c r="H12" s="226">
        <v>0.92454350161117083</v>
      </c>
      <c r="I12" s="115">
        <v>49</v>
      </c>
      <c r="J12" s="116">
        <v>60</v>
      </c>
      <c r="K12" s="278">
        <v>1.2244897959183674</v>
      </c>
    </row>
    <row r="13" spans="1:11" ht="20.100000000000001" customHeight="1" x14ac:dyDescent="0.15">
      <c r="B13" s="646" t="s">
        <v>297</v>
      </c>
      <c r="C13" s="5"/>
      <c r="D13" s="5"/>
      <c r="E13" s="16"/>
      <c r="F13" s="5"/>
      <c r="G13" s="5"/>
      <c r="H13" s="5"/>
      <c r="I13" s="5"/>
      <c r="J13" s="5"/>
    </row>
    <row r="14" spans="1:11" ht="20.100000000000001" customHeight="1" thickBot="1" x14ac:dyDescent="0.2">
      <c r="A14" s="2" t="s">
        <v>91</v>
      </c>
    </row>
    <row r="15" spans="1:11" ht="20.100000000000001" customHeight="1" x14ac:dyDescent="0.15">
      <c r="A15" s="765" t="s">
        <v>82</v>
      </c>
      <c r="B15" s="760" t="s">
        <v>13</v>
      </c>
      <c r="C15" s="761"/>
      <c r="D15" s="762"/>
      <c r="E15" s="763" t="s">
        <v>14</v>
      </c>
      <c r="F15" s="761"/>
      <c r="G15" s="764"/>
      <c r="H15" s="760" t="s">
        <v>15</v>
      </c>
      <c r="I15" s="761"/>
      <c r="J15" s="762"/>
    </row>
    <row r="16" spans="1:11" ht="20.100000000000001" customHeight="1" thickBot="1" x14ac:dyDescent="0.2">
      <c r="A16" s="766"/>
      <c r="B16" s="264" t="s">
        <v>214</v>
      </c>
      <c r="C16" s="265" t="s">
        <v>215</v>
      </c>
      <c r="D16" s="266" t="s">
        <v>217</v>
      </c>
      <c r="E16" s="267" t="s">
        <v>214</v>
      </c>
      <c r="F16" s="265" t="s">
        <v>215</v>
      </c>
      <c r="G16" s="266" t="s">
        <v>217</v>
      </c>
      <c r="H16" s="264" t="s">
        <v>214</v>
      </c>
      <c r="I16" s="265" t="s">
        <v>215</v>
      </c>
      <c r="J16" s="266" t="s">
        <v>217</v>
      </c>
    </row>
    <row r="17" spans="1:12" ht="20.100000000000001" customHeight="1" thickTop="1" x14ac:dyDescent="0.15">
      <c r="A17" s="279" t="s">
        <v>309</v>
      </c>
      <c r="B17" s="35">
        <v>1</v>
      </c>
      <c r="C17" s="36">
        <v>24</v>
      </c>
      <c r="D17" s="38">
        <v>24</v>
      </c>
      <c r="E17" s="61">
        <v>1</v>
      </c>
      <c r="F17" s="36">
        <v>23</v>
      </c>
      <c r="G17" s="271">
        <v>23</v>
      </c>
      <c r="H17" s="35">
        <v>0</v>
      </c>
      <c r="I17" s="36">
        <v>1</v>
      </c>
      <c r="J17" s="634" t="s">
        <v>344</v>
      </c>
    </row>
    <row r="18" spans="1:12" ht="20.100000000000001" customHeight="1" x14ac:dyDescent="0.15">
      <c r="A18" s="280" t="s">
        <v>19</v>
      </c>
      <c r="B18" s="35">
        <v>94</v>
      </c>
      <c r="C18" s="36">
        <v>126</v>
      </c>
      <c r="D18" s="38">
        <v>1.3404255319148937</v>
      </c>
      <c r="E18" s="158">
        <v>91</v>
      </c>
      <c r="F18" s="122">
        <v>122</v>
      </c>
      <c r="G18" s="271">
        <v>1.3406593406593406</v>
      </c>
      <c r="H18" s="121">
        <v>3</v>
      </c>
      <c r="I18" s="122">
        <v>4</v>
      </c>
      <c r="J18" s="272">
        <v>1.3333333333333333</v>
      </c>
    </row>
    <row r="19" spans="1:12" ht="20.100000000000001" customHeight="1" x14ac:dyDescent="0.15">
      <c r="A19" s="280" t="s">
        <v>83</v>
      </c>
      <c r="B19" s="35">
        <v>3659</v>
      </c>
      <c r="C19" s="36">
        <v>3323</v>
      </c>
      <c r="D19" s="38">
        <v>0.90817163159333147</v>
      </c>
      <c r="E19" s="158">
        <v>3616</v>
      </c>
      <c r="F19" s="122">
        <v>3273</v>
      </c>
      <c r="G19" s="271">
        <v>0.90514380530973448</v>
      </c>
      <c r="H19" s="121">
        <v>43</v>
      </c>
      <c r="I19" s="122">
        <v>50</v>
      </c>
      <c r="J19" s="272">
        <v>1.1627906976744187</v>
      </c>
    </row>
    <row r="20" spans="1:12" s="16" customFormat="1" ht="20.100000000000001" customHeight="1" thickBot="1" x14ac:dyDescent="0.2">
      <c r="A20" s="282" t="s">
        <v>84</v>
      </c>
      <c r="B20" s="11">
        <v>19</v>
      </c>
      <c r="C20" s="12">
        <v>30</v>
      </c>
      <c r="D20" s="14">
        <v>1.5789473684210527</v>
      </c>
      <c r="E20" s="159">
        <v>16</v>
      </c>
      <c r="F20" s="19">
        <v>25</v>
      </c>
      <c r="G20" s="275">
        <v>1.5625</v>
      </c>
      <c r="H20" s="18">
        <v>3</v>
      </c>
      <c r="I20" s="19">
        <v>5</v>
      </c>
      <c r="J20" s="106">
        <v>1.6666666666666667</v>
      </c>
    </row>
    <row r="21" spans="1:12" ht="20.100000000000001" customHeight="1" thickTop="1" thickBot="1" x14ac:dyDescent="0.2">
      <c r="A21" s="281" t="s">
        <v>65</v>
      </c>
      <c r="B21" s="115">
        <v>3773</v>
      </c>
      <c r="C21" s="116">
        <v>3503</v>
      </c>
      <c r="D21" s="263">
        <v>0.9284389080307448</v>
      </c>
      <c r="E21" s="117">
        <v>3724</v>
      </c>
      <c r="F21" s="116">
        <v>3443</v>
      </c>
      <c r="G21" s="226">
        <v>0.92454350161117083</v>
      </c>
      <c r="H21" s="115">
        <v>49</v>
      </c>
      <c r="I21" s="116">
        <v>60</v>
      </c>
      <c r="J21" s="278">
        <v>1.2244897959183674</v>
      </c>
    </row>
    <row r="22" spans="1:12" ht="20.100000000000001" customHeight="1" x14ac:dyDescent="0.15">
      <c r="A22" s="283"/>
      <c r="B22" s="154"/>
      <c r="C22" s="154"/>
      <c r="D22" s="218"/>
      <c r="E22" s="154"/>
      <c r="F22" s="154"/>
      <c r="G22" s="218"/>
      <c r="H22" s="154"/>
      <c r="I22" s="154"/>
      <c r="J22" s="401"/>
    </row>
    <row r="23" spans="1:12" ht="20.100000000000001" customHeight="1" thickBot="1" x14ac:dyDescent="0.2">
      <c r="A23" s="2" t="s">
        <v>150</v>
      </c>
    </row>
    <row r="24" spans="1:12" ht="20.100000000000001" customHeight="1" x14ac:dyDescent="0.15">
      <c r="A24" s="765" t="s">
        <v>209</v>
      </c>
      <c r="B24" s="765" t="s">
        <v>296</v>
      </c>
      <c r="C24" s="760" t="s">
        <v>13</v>
      </c>
      <c r="D24" s="761"/>
      <c r="E24" s="762"/>
      <c r="F24" s="763" t="s">
        <v>14</v>
      </c>
      <c r="G24" s="761"/>
      <c r="H24" s="764"/>
      <c r="I24" s="760" t="s">
        <v>15</v>
      </c>
      <c r="J24" s="761"/>
      <c r="K24" s="762"/>
    </row>
    <row r="25" spans="1:12" ht="20.100000000000001" customHeight="1" thickBot="1" x14ac:dyDescent="0.2">
      <c r="A25" s="766"/>
      <c r="B25" s="766"/>
      <c r="C25" s="264" t="s">
        <v>214</v>
      </c>
      <c r="D25" s="265" t="s">
        <v>215</v>
      </c>
      <c r="E25" s="266" t="s">
        <v>217</v>
      </c>
      <c r="F25" s="267" t="s">
        <v>214</v>
      </c>
      <c r="G25" s="265" t="s">
        <v>215</v>
      </c>
      <c r="H25" s="266" t="s">
        <v>217</v>
      </c>
      <c r="I25" s="264" t="s">
        <v>214</v>
      </c>
      <c r="J25" s="265" t="s">
        <v>215</v>
      </c>
      <c r="K25" s="266" t="s">
        <v>217</v>
      </c>
    </row>
    <row r="26" spans="1:12" ht="20.100000000000001" customHeight="1" thickTop="1" x14ac:dyDescent="0.15">
      <c r="A26" s="270" t="s">
        <v>40</v>
      </c>
      <c r="B26" s="533">
        <v>83</v>
      </c>
      <c r="C26" s="35">
        <v>1721</v>
      </c>
      <c r="D26" s="36">
        <v>1573</v>
      </c>
      <c r="E26" s="38">
        <v>0.91400348634514816</v>
      </c>
      <c r="F26" s="61">
        <v>1703</v>
      </c>
      <c r="G26" s="36">
        <v>1550</v>
      </c>
      <c r="H26" s="271">
        <v>0.91015854374632998</v>
      </c>
      <c r="I26" s="35">
        <v>18</v>
      </c>
      <c r="J26" s="36">
        <v>23</v>
      </c>
      <c r="K26" s="272">
        <v>1.2777777777777777</v>
      </c>
    </row>
    <row r="27" spans="1:12" ht="20.100000000000001" customHeight="1" x14ac:dyDescent="0.15">
      <c r="A27" s="270" t="s">
        <v>41</v>
      </c>
      <c r="B27" s="533">
        <v>23</v>
      </c>
      <c r="C27" s="35">
        <v>855</v>
      </c>
      <c r="D27" s="36">
        <v>813</v>
      </c>
      <c r="E27" s="38">
        <v>0.9508771929824561</v>
      </c>
      <c r="F27" s="61">
        <v>849</v>
      </c>
      <c r="G27" s="36">
        <v>799</v>
      </c>
      <c r="H27" s="271">
        <v>0.94110718492343937</v>
      </c>
      <c r="I27" s="35">
        <v>6</v>
      </c>
      <c r="J27" s="36">
        <v>14</v>
      </c>
      <c r="K27" s="272">
        <v>2.3333333333333335</v>
      </c>
    </row>
    <row r="28" spans="1:12" ht="20.100000000000001" customHeight="1" x14ac:dyDescent="0.15">
      <c r="A28" s="270" t="s">
        <v>42</v>
      </c>
      <c r="B28" s="533">
        <v>23</v>
      </c>
      <c r="C28" s="35">
        <v>340</v>
      </c>
      <c r="D28" s="36">
        <v>321</v>
      </c>
      <c r="E28" s="38">
        <v>0.94411764705882351</v>
      </c>
      <c r="F28" s="61">
        <v>333</v>
      </c>
      <c r="G28" s="36">
        <v>318</v>
      </c>
      <c r="H28" s="271">
        <v>0.95495495495495497</v>
      </c>
      <c r="I28" s="35">
        <v>7</v>
      </c>
      <c r="J28" s="36">
        <v>3</v>
      </c>
      <c r="K28" s="272">
        <v>0.42857142857142855</v>
      </c>
    </row>
    <row r="29" spans="1:12" ht="20.100000000000001" customHeight="1" x14ac:dyDescent="0.15">
      <c r="A29" s="270" t="s">
        <v>43</v>
      </c>
      <c r="B29" s="533">
        <v>14</v>
      </c>
      <c r="C29" s="35">
        <v>161</v>
      </c>
      <c r="D29" s="36">
        <v>128</v>
      </c>
      <c r="E29" s="38">
        <v>0.79503105590062106</v>
      </c>
      <c r="F29" s="61">
        <v>160</v>
      </c>
      <c r="G29" s="36">
        <v>126</v>
      </c>
      <c r="H29" s="271">
        <v>0.78749999999999998</v>
      </c>
      <c r="I29" s="35">
        <v>1</v>
      </c>
      <c r="J29" s="36">
        <v>2</v>
      </c>
      <c r="K29" s="272">
        <v>2</v>
      </c>
    </row>
    <row r="30" spans="1:12" ht="20.100000000000001" customHeight="1" x14ac:dyDescent="0.15">
      <c r="A30" s="273" t="s">
        <v>44</v>
      </c>
      <c r="B30" s="533">
        <v>14</v>
      </c>
      <c r="C30" s="121">
        <v>85</v>
      </c>
      <c r="D30" s="36">
        <v>102</v>
      </c>
      <c r="E30" s="38">
        <v>1.2</v>
      </c>
      <c r="F30" s="158">
        <v>78</v>
      </c>
      <c r="G30" s="122">
        <v>102</v>
      </c>
      <c r="H30" s="532">
        <v>1.3076923076923077</v>
      </c>
      <c r="I30" s="121">
        <v>7</v>
      </c>
      <c r="J30" s="122">
        <v>0</v>
      </c>
      <c r="K30" s="272">
        <v>0</v>
      </c>
      <c r="L30" s="599"/>
    </row>
    <row r="31" spans="1:12" ht="20.100000000000001" customHeight="1" x14ac:dyDescent="0.15">
      <c r="A31" s="273" t="s">
        <v>45</v>
      </c>
      <c r="B31" s="533">
        <v>10</v>
      </c>
      <c r="C31" s="35">
        <v>120</v>
      </c>
      <c r="D31" s="36">
        <v>109</v>
      </c>
      <c r="E31" s="38">
        <v>0.90833333333333333</v>
      </c>
      <c r="F31" s="158">
        <v>120</v>
      </c>
      <c r="G31" s="122">
        <v>103</v>
      </c>
      <c r="H31" s="532">
        <v>0.85833333333333328</v>
      </c>
      <c r="I31" s="121">
        <v>0</v>
      </c>
      <c r="J31" s="122">
        <v>6</v>
      </c>
      <c r="K31" s="634" t="s">
        <v>344</v>
      </c>
      <c r="L31" s="600"/>
    </row>
    <row r="32" spans="1:12" s="16" customFormat="1" ht="20.100000000000001" customHeight="1" x14ac:dyDescent="0.15">
      <c r="A32" s="274" t="s">
        <v>46</v>
      </c>
      <c r="B32" s="534">
        <v>22</v>
      </c>
      <c r="C32" s="11">
        <v>388</v>
      </c>
      <c r="D32" s="12">
        <v>334</v>
      </c>
      <c r="E32" s="14">
        <v>0.86082474226804129</v>
      </c>
      <c r="F32" s="159">
        <v>380</v>
      </c>
      <c r="G32" s="19">
        <v>322</v>
      </c>
      <c r="H32" s="532">
        <v>0.84736842105263155</v>
      </c>
      <c r="I32" s="18">
        <v>8</v>
      </c>
      <c r="J32" s="19">
        <v>12</v>
      </c>
      <c r="K32" s="272">
        <v>1.5</v>
      </c>
      <c r="L32" s="601"/>
    </row>
    <row r="33" spans="1:12" s="16" customFormat="1" ht="20.100000000000001" customHeight="1" thickBot="1" x14ac:dyDescent="0.2">
      <c r="A33" s="21" t="s">
        <v>47</v>
      </c>
      <c r="B33" s="534">
        <v>14</v>
      </c>
      <c r="C33" s="11">
        <v>103</v>
      </c>
      <c r="D33" s="12">
        <v>123</v>
      </c>
      <c r="E33" s="14">
        <v>1.1941747572815533</v>
      </c>
      <c r="F33" s="159">
        <v>101</v>
      </c>
      <c r="G33" s="19">
        <v>123</v>
      </c>
      <c r="H33" s="532">
        <v>1.2178217821782178</v>
      </c>
      <c r="I33" s="18">
        <v>2</v>
      </c>
      <c r="J33" s="19">
        <v>0</v>
      </c>
      <c r="K33" s="272">
        <v>0</v>
      </c>
      <c r="L33" s="599"/>
    </row>
    <row r="34" spans="1:12" ht="20.100000000000001" customHeight="1" thickTop="1" thickBot="1" x14ac:dyDescent="0.2">
      <c r="A34" s="277" t="s">
        <v>65</v>
      </c>
      <c r="B34" s="340">
        <v>203</v>
      </c>
      <c r="C34" s="115">
        <v>3773</v>
      </c>
      <c r="D34" s="116">
        <v>3503</v>
      </c>
      <c r="E34" s="263">
        <v>0.9284389080307448</v>
      </c>
      <c r="F34" s="117">
        <v>3724</v>
      </c>
      <c r="G34" s="116">
        <v>3443</v>
      </c>
      <c r="H34" s="226">
        <v>0.92454350161117083</v>
      </c>
      <c r="I34" s="115">
        <v>49</v>
      </c>
      <c r="J34" s="116">
        <v>60</v>
      </c>
      <c r="K34" s="278">
        <v>1.2244897959183674</v>
      </c>
    </row>
    <row r="35" spans="1:12" ht="20.100000000000001" customHeight="1" x14ac:dyDescent="0.15">
      <c r="H35" s="599"/>
    </row>
    <row r="36" spans="1:12" ht="20.100000000000001" customHeight="1" x14ac:dyDescent="0.15">
      <c r="H36" s="599"/>
    </row>
  </sheetData>
  <mergeCells count="14">
    <mergeCell ref="A24:A25"/>
    <mergeCell ref="B24:B25"/>
    <mergeCell ref="C24:E24"/>
    <mergeCell ref="F24:H24"/>
    <mergeCell ref="I24:K24"/>
    <mergeCell ref="B15:D15"/>
    <mergeCell ref="E15:G15"/>
    <mergeCell ref="H15:J15"/>
    <mergeCell ref="A4:A5"/>
    <mergeCell ref="B4:B5"/>
    <mergeCell ref="C4:E4"/>
    <mergeCell ref="F4:H4"/>
    <mergeCell ref="I4:K4"/>
    <mergeCell ref="A15:A16"/>
  </mergeCells>
  <phoneticPr fontId="1"/>
  <pageMargins left="0.82677165354330717" right="0.23622047244094491" top="0.74803149606299213" bottom="0.74803149606299213" header="0.31496062992125984" footer="0.31496062992125984"/>
  <pageSetup paperSize="9" scale="70" orientation="landscape" r:id="rId1"/>
  <headerFooter>
    <oddFooter>&amp;C&amp;P</oddFoot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U48"/>
  <sheetViews>
    <sheetView view="pageBreakPreview" zoomScale="80" zoomScaleNormal="80" zoomScaleSheetLayoutView="80" workbookViewId="0"/>
  </sheetViews>
  <sheetFormatPr defaultColWidth="14.625" defaultRowHeight="20.100000000000001" customHeight="1" x14ac:dyDescent="0.15"/>
  <cols>
    <col min="1" max="1" width="14.625" style="79" customWidth="1"/>
    <col min="2" max="2" width="14.625" style="79"/>
    <col min="3" max="3" width="14.625" style="79" customWidth="1"/>
    <col min="4" max="4" width="14.625" style="79"/>
    <col min="5" max="5" width="14.625" style="79" customWidth="1"/>
    <col min="6" max="6" width="6.5" style="79" customWidth="1"/>
    <col min="7" max="7" width="14.625" style="79"/>
    <col min="8" max="8" width="14.625" style="79" customWidth="1"/>
    <col min="9" max="9" width="6.5" style="79" customWidth="1"/>
    <col min="10" max="16384" width="14.625" style="79"/>
  </cols>
  <sheetData>
    <row r="1" spans="1:21" ht="20.100000000000001" customHeight="1" x14ac:dyDescent="0.15">
      <c r="A1" s="297" t="s">
        <v>124</v>
      </c>
    </row>
    <row r="2" spans="1:21" ht="12" customHeight="1" x14ac:dyDescent="0.15">
      <c r="A2" s="81"/>
      <c r="G2" s="767" t="s">
        <v>366</v>
      </c>
      <c r="H2" s="767"/>
      <c r="I2" s="767"/>
      <c r="J2" s="767" t="s">
        <v>367</v>
      </c>
      <c r="K2" s="768"/>
      <c r="L2" s="768"/>
    </row>
    <row r="3" spans="1:21" ht="20.100000000000001" customHeight="1" thickBot="1" x14ac:dyDescent="0.2">
      <c r="A3" s="79" t="s">
        <v>365</v>
      </c>
      <c r="G3" s="767"/>
      <c r="H3" s="767"/>
      <c r="I3" s="767"/>
      <c r="J3" s="769"/>
      <c r="K3" s="769"/>
      <c r="L3" s="769"/>
      <c r="M3" s="79" t="s">
        <v>194</v>
      </c>
    </row>
    <row r="4" spans="1:21" ht="20.100000000000001" customHeight="1" thickBot="1" x14ac:dyDescent="0.2">
      <c r="A4" s="559" t="s">
        <v>67</v>
      </c>
      <c r="B4" s="565" t="s">
        <v>135</v>
      </c>
      <c r="C4" s="560" t="s">
        <v>306</v>
      </c>
      <c r="D4" s="550" t="s">
        <v>307</v>
      </c>
      <c r="E4" s="581" t="s">
        <v>313</v>
      </c>
      <c r="F4" s="315"/>
      <c r="G4" s="302" t="s">
        <v>67</v>
      </c>
      <c r="H4" s="306" t="s">
        <v>137</v>
      </c>
      <c r="J4" s="302" t="s">
        <v>67</v>
      </c>
      <c r="K4" s="308" t="s">
        <v>138</v>
      </c>
      <c r="L4" s="320" t="s">
        <v>140</v>
      </c>
      <c r="M4" s="301" t="s">
        <v>139</v>
      </c>
      <c r="N4" s="307" t="s">
        <v>141</v>
      </c>
      <c r="Q4" s="78"/>
      <c r="R4" s="78"/>
      <c r="S4" s="78"/>
      <c r="T4" s="78"/>
      <c r="U4" s="78"/>
    </row>
    <row r="5" spans="1:21" ht="20.100000000000001" customHeight="1" thickTop="1" x14ac:dyDescent="0.15">
      <c r="A5" s="316" t="s">
        <v>94</v>
      </c>
      <c r="B5" s="566">
        <v>4</v>
      </c>
      <c r="C5" s="561">
        <v>2</v>
      </c>
      <c r="D5" s="551">
        <v>2</v>
      </c>
      <c r="E5" s="580">
        <v>4</v>
      </c>
      <c r="F5" s="315"/>
      <c r="G5" s="304" t="s">
        <v>94</v>
      </c>
      <c r="H5" s="403">
        <v>7</v>
      </c>
      <c r="J5" s="304" t="s">
        <v>94</v>
      </c>
      <c r="K5" s="409">
        <v>18</v>
      </c>
      <c r="L5" s="409">
        <v>24</v>
      </c>
      <c r="M5" s="410">
        <v>10</v>
      </c>
      <c r="N5" s="631">
        <v>11</v>
      </c>
      <c r="Q5" s="78"/>
      <c r="R5" s="78"/>
      <c r="S5" s="78"/>
      <c r="T5" s="78"/>
      <c r="U5" s="78"/>
    </row>
    <row r="6" spans="1:21" ht="20.100000000000001" customHeight="1" x14ac:dyDescent="0.15">
      <c r="A6" s="317" t="s">
        <v>131</v>
      </c>
      <c r="B6" s="567">
        <v>11</v>
      </c>
      <c r="C6" s="562">
        <v>15</v>
      </c>
      <c r="D6" s="583">
        <v>9</v>
      </c>
      <c r="E6" s="582">
        <v>24</v>
      </c>
      <c r="F6" s="315"/>
      <c r="G6" s="305" t="s">
        <v>131</v>
      </c>
      <c r="H6" s="405">
        <v>10</v>
      </c>
      <c r="J6" s="305" t="s">
        <v>131</v>
      </c>
      <c r="K6" s="404">
        <v>15</v>
      </c>
      <c r="L6" s="404">
        <v>28</v>
      </c>
      <c r="M6" s="404">
        <v>9</v>
      </c>
      <c r="N6" s="412">
        <v>24</v>
      </c>
      <c r="Q6" s="78"/>
      <c r="R6" s="78"/>
      <c r="S6" s="78"/>
      <c r="T6" s="78"/>
      <c r="U6" s="78"/>
    </row>
    <row r="7" spans="1:21" ht="20.100000000000001" customHeight="1" x14ac:dyDescent="0.15">
      <c r="A7" s="317" t="s">
        <v>132</v>
      </c>
      <c r="B7" s="567">
        <v>11</v>
      </c>
      <c r="C7" s="562">
        <v>36</v>
      </c>
      <c r="D7" s="552">
        <v>19</v>
      </c>
      <c r="E7" s="584">
        <v>55</v>
      </c>
      <c r="F7" s="315"/>
      <c r="G7" s="305" t="s">
        <v>132</v>
      </c>
      <c r="H7" s="405">
        <v>6</v>
      </c>
      <c r="J7" s="305" t="s">
        <v>132</v>
      </c>
      <c r="K7" s="404">
        <v>11</v>
      </c>
      <c r="L7" s="404">
        <v>15</v>
      </c>
      <c r="M7" s="404">
        <v>5</v>
      </c>
      <c r="N7" s="412">
        <v>11</v>
      </c>
      <c r="Q7" s="78"/>
      <c r="R7" s="78"/>
      <c r="S7" s="78"/>
      <c r="T7" s="78"/>
      <c r="U7" s="78"/>
    </row>
    <row r="8" spans="1:21" ht="20.100000000000001" customHeight="1" x14ac:dyDescent="0.15">
      <c r="A8" s="317" t="s">
        <v>133</v>
      </c>
      <c r="B8" s="567">
        <v>10</v>
      </c>
      <c r="C8" s="562">
        <v>39</v>
      </c>
      <c r="D8" s="552">
        <v>25</v>
      </c>
      <c r="E8" s="584">
        <v>64</v>
      </c>
      <c r="F8" s="315"/>
      <c r="G8" s="305" t="s">
        <v>133</v>
      </c>
      <c r="H8" s="405">
        <v>5</v>
      </c>
      <c r="J8" s="305" t="s">
        <v>133</v>
      </c>
      <c r="K8" s="404">
        <v>1</v>
      </c>
      <c r="L8" s="404">
        <v>4</v>
      </c>
      <c r="M8" s="404">
        <v>0</v>
      </c>
      <c r="N8" s="412">
        <v>5</v>
      </c>
      <c r="Q8" s="78"/>
      <c r="R8" s="78"/>
      <c r="S8" s="78"/>
      <c r="T8" s="78"/>
      <c r="U8" s="78"/>
    </row>
    <row r="9" spans="1:21" ht="20.100000000000001" customHeight="1" x14ac:dyDescent="0.15">
      <c r="A9" s="317" t="s">
        <v>95</v>
      </c>
      <c r="B9" s="567">
        <v>11</v>
      </c>
      <c r="C9" s="562">
        <v>28</v>
      </c>
      <c r="D9" s="552">
        <v>10</v>
      </c>
      <c r="E9" s="584">
        <v>38</v>
      </c>
      <c r="F9" s="315"/>
      <c r="G9" s="305" t="s">
        <v>95</v>
      </c>
      <c r="H9" s="405">
        <v>5</v>
      </c>
      <c r="J9" s="305" t="s">
        <v>95</v>
      </c>
      <c r="K9" s="404">
        <v>1</v>
      </c>
      <c r="L9" s="404">
        <v>2</v>
      </c>
      <c r="M9" s="404">
        <v>1</v>
      </c>
      <c r="N9" s="412">
        <v>2</v>
      </c>
      <c r="Q9" s="78"/>
      <c r="R9" s="78"/>
      <c r="S9" s="78"/>
      <c r="T9" s="78"/>
      <c r="U9" s="78"/>
    </row>
    <row r="10" spans="1:21" ht="20.100000000000001" customHeight="1" thickBot="1" x14ac:dyDescent="0.2">
      <c r="A10" s="318" t="s">
        <v>134</v>
      </c>
      <c r="B10" s="568">
        <v>20</v>
      </c>
      <c r="C10" s="563">
        <v>118</v>
      </c>
      <c r="D10" s="553">
        <v>62</v>
      </c>
      <c r="E10" s="585">
        <v>180</v>
      </c>
      <c r="F10" s="315"/>
      <c r="G10" s="299" t="s">
        <v>134</v>
      </c>
      <c r="H10" s="407">
        <v>6</v>
      </c>
      <c r="J10" s="299" t="s">
        <v>134</v>
      </c>
      <c r="K10" s="413">
        <v>1</v>
      </c>
      <c r="L10" s="413">
        <v>0</v>
      </c>
      <c r="M10" s="414">
        <v>0</v>
      </c>
      <c r="N10" s="415">
        <v>0</v>
      </c>
      <c r="Q10" s="78"/>
      <c r="R10" s="78"/>
      <c r="S10" s="78"/>
      <c r="T10" s="78"/>
      <c r="U10" s="78"/>
    </row>
    <row r="11" spans="1:21" ht="20.100000000000001" customHeight="1" thickTop="1" thickBot="1" x14ac:dyDescent="0.2">
      <c r="A11" s="319" t="s">
        <v>65</v>
      </c>
      <c r="B11" s="569">
        <v>67</v>
      </c>
      <c r="C11" s="564">
        <v>238</v>
      </c>
      <c r="D11" s="554">
        <v>127</v>
      </c>
      <c r="E11" s="586">
        <v>365</v>
      </c>
      <c r="F11" s="315"/>
      <c r="G11" s="300" t="s">
        <v>65</v>
      </c>
      <c r="H11" s="540">
        <v>39</v>
      </c>
      <c r="J11" s="300" t="s">
        <v>65</v>
      </c>
      <c r="K11" s="416">
        <v>47</v>
      </c>
      <c r="L11" s="416">
        <v>73</v>
      </c>
      <c r="M11" s="416">
        <v>25</v>
      </c>
      <c r="N11" s="417">
        <v>53</v>
      </c>
      <c r="Q11" s="78"/>
      <c r="R11" s="78"/>
      <c r="S11" s="78"/>
      <c r="T11" s="78"/>
      <c r="U11" s="78"/>
    </row>
    <row r="12" spans="1:21" ht="12" customHeight="1" x14ac:dyDescent="0.15">
      <c r="A12" s="77"/>
      <c r="B12" s="315"/>
      <c r="C12" s="315"/>
      <c r="D12" s="315"/>
      <c r="E12" s="315"/>
      <c r="F12" s="315"/>
      <c r="G12" s="77"/>
      <c r="H12" s="541"/>
      <c r="J12" s="77"/>
      <c r="K12" s="541"/>
      <c r="L12" s="541"/>
      <c r="M12" s="541"/>
      <c r="N12" s="541"/>
      <c r="Q12" s="78"/>
      <c r="R12" s="78"/>
      <c r="S12" s="78"/>
      <c r="T12" s="78"/>
      <c r="U12" s="78"/>
    </row>
    <row r="13" spans="1:21" ht="19.5" customHeight="1" thickBot="1" x14ac:dyDescent="0.2">
      <c r="A13" s="79" t="s">
        <v>360</v>
      </c>
      <c r="G13" s="79" t="s">
        <v>361</v>
      </c>
      <c r="J13" s="79" t="s">
        <v>362</v>
      </c>
      <c r="M13" s="79" t="s">
        <v>90</v>
      </c>
      <c r="Q13" s="78"/>
      <c r="R13" s="78"/>
      <c r="S13" s="78"/>
      <c r="T13" s="78"/>
      <c r="U13" s="78"/>
    </row>
    <row r="14" spans="1:21" ht="20.100000000000001" customHeight="1" thickBot="1" x14ac:dyDescent="0.2">
      <c r="A14" s="559" t="s">
        <v>216</v>
      </c>
      <c r="B14" s="565" t="s">
        <v>135</v>
      </c>
      <c r="C14" s="560" t="s">
        <v>306</v>
      </c>
      <c r="D14" s="550" t="s">
        <v>307</v>
      </c>
      <c r="E14" s="581" t="s">
        <v>313</v>
      </c>
      <c r="G14" s="302" t="s">
        <v>216</v>
      </c>
      <c r="H14" s="306" t="s">
        <v>137</v>
      </c>
      <c r="J14" s="302" t="s">
        <v>209</v>
      </c>
      <c r="K14" s="303" t="s">
        <v>138</v>
      </c>
      <c r="L14" s="301" t="s">
        <v>140</v>
      </c>
      <c r="M14" s="321" t="s">
        <v>139</v>
      </c>
      <c r="N14" s="306" t="s">
        <v>141</v>
      </c>
      <c r="Q14" s="78"/>
      <c r="R14" s="78"/>
      <c r="S14" s="78"/>
      <c r="T14" s="78"/>
      <c r="U14" s="78"/>
    </row>
    <row r="15" spans="1:21" ht="20.100000000000001" customHeight="1" thickTop="1" x14ac:dyDescent="0.15">
      <c r="A15" s="570" t="s">
        <v>88</v>
      </c>
      <c r="B15" s="576">
        <v>30</v>
      </c>
      <c r="C15" s="572">
        <v>105</v>
      </c>
      <c r="D15" s="555">
        <v>58</v>
      </c>
      <c r="E15" s="580">
        <v>163</v>
      </c>
      <c r="G15" s="304" t="s">
        <v>88</v>
      </c>
      <c r="H15" s="403">
        <v>21</v>
      </c>
      <c r="I15" s="541"/>
      <c r="J15" s="304" t="s">
        <v>88</v>
      </c>
      <c r="K15" s="402">
        <v>26</v>
      </c>
      <c r="L15" s="402">
        <v>21</v>
      </c>
      <c r="M15" s="411">
        <v>7</v>
      </c>
      <c r="N15" s="403">
        <v>18</v>
      </c>
      <c r="Q15" s="78"/>
      <c r="R15" s="78"/>
      <c r="S15" s="78"/>
      <c r="T15" s="78"/>
      <c r="U15" s="78"/>
    </row>
    <row r="16" spans="1:21" ht="20.100000000000001" customHeight="1" x14ac:dyDescent="0.15">
      <c r="A16" s="317" t="s">
        <v>89</v>
      </c>
      <c r="B16" s="577">
        <v>11</v>
      </c>
      <c r="C16" s="573">
        <v>50</v>
      </c>
      <c r="D16" s="556">
        <v>34</v>
      </c>
      <c r="E16" s="592">
        <v>84</v>
      </c>
      <c r="G16" s="305" t="s">
        <v>89</v>
      </c>
      <c r="H16" s="405">
        <v>2</v>
      </c>
      <c r="I16" s="541"/>
      <c r="J16" s="305" t="s">
        <v>89</v>
      </c>
      <c r="K16" s="404">
        <v>5</v>
      </c>
      <c r="L16" s="404">
        <v>9</v>
      </c>
      <c r="M16" s="404">
        <v>2</v>
      </c>
      <c r="N16" s="405">
        <v>4</v>
      </c>
    </row>
    <row r="17" spans="1:14" ht="20.100000000000001" customHeight="1" x14ac:dyDescent="0.15">
      <c r="A17" s="317" t="s">
        <v>1</v>
      </c>
      <c r="B17" s="577">
        <v>4</v>
      </c>
      <c r="C17" s="573">
        <v>30</v>
      </c>
      <c r="D17" s="556">
        <v>20</v>
      </c>
      <c r="E17" s="588">
        <v>50</v>
      </c>
      <c r="G17" s="305" t="s">
        <v>1</v>
      </c>
      <c r="H17" s="405">
        <v>3</v>
      </c>
      <c r="I17" s="541"/>
      <c r="J17" s="305" t="s">
        <v>1</v>
      </c>
      <c r="K17" s="404">
        <v>4</v>
      </c>
      <c r="L17" s="404">
        <v>10</v>
      </c>
      <c r="M17" s="404">
        <v>2</v>
      </c>
      <c r="N17" s="405">
        <v>7</v>
      </c>
    </row>
    <row r="18" spans="1:14" ht="20.100000000000001" customHeight="1" x14ac:dyDescent="0.15">
      <c r="A18" s="317" t="s">
        <v>4</v>
      </c>
      <c r="B18" s="577">
        <v>4</v>
      </c>
      <c r="C18" s="573">
        <v>12</v>
      </c>
      <c r="D18" s="556">
        <v>4</v>
      </c>
      <c r="E18" s="588">
        <v>16</v>
      </c>
      <c r="G18" s="305" t="s">
        <v>4</v>
      </c>
      <c r="H18" s="405">
        <v>4</v>
      </c>
      <c r="I18" s="541"/>
      <c r="J18" s="305" t="s">
        <v>4</v>
      </c>
      <c r="K18" s="404">
        <v>2</v>
      </c>
      <c r="L18" s="404">
        <v>8</v>
      </c>
      <c r="M18" s="404">
        <v>6</v>
      </c>
      <c r="N18" s="405">
        <v>2</v>
      </c>
    </row>
    <row r="19" spans="1:14" ht="20.100000000000001" customHeight="1" x14ac:dyDescent="0.15">
      <c r="A19" s="317" t="s">
        <v>2</v>
      </c>
      <c r="B19" s="577">
        <v>4</v>
      </c>
      <c r="C19" s="573">
        <v>10</v>
      </c>
      <c r="D19" s="590">
        <v>1</v>
      </c>
      <c r="E19" s="589">
        <v>11</v>
      </c>
      <c r="G19" s="305" t="s">
        <v>2</v>
      </c>
      <c r="H19" s="405">
        <v>2</v>
      </c>
      <c r="I19" s="541"/>
      <c r="J19" s="305" t="s">
        <v>2</v>
      </c>
      <c r="K19" s="404">
        <v>4</v>
      </c>
      <c r="L19" s="404">
        <v>7</v>
      </c>
      <c r="M19" s="404">
        <v>3</v>
      </c>
      <c r="N19" s="405">
        <v>3</v>
      </c>
    </row>
    <row r="20" spans="1:14" ht="20.100000000000001" customHeight="1" x14ac:dyDescent="0.15">
      <c r="A20" s="317" t="s">
        <v>3</v>
      </c>
      <c r="B20" s="577">
        <v>6</v>
      </c>
      <c r="C20" s="573">
        <v>17</v>
      </c>
      <c r="D20" s="556">
        <v>4</v>
      </c>
      <c r="E20" s="588">
        <v>21</v>
      </c>
      <c r="G20" s="305" t="s">
        <v>3</v>
      </c>
      <c r="H20" s="405">
        <v>2</v>
      </c>
      <c r="I20" s="541"/>
      <c r="J20" s="305" t="s">
        <v>3</v>
      </c>
      <c r="K20" s="404">
        <v>0</v>
      </c>
      <c r="L20" s="404">
        <v>3</v>
      </c>
      <c r="M20" s="404">
        <v>1</v>
      </c>
      <c r="N20" s="405">
        <v>2</v>
      </c>
    </row>
    <row r="21" spans="1:14" ht="20.100000000000001" customHeight="1" x14ac:dyDescent="0.15">
      <c r="A21" s="317" t="s">
        <v>6</v>
      </c>
      <c r="B21" s="577">
        <v>5</v>
      </c>
      <c r="C21" s="573">
        <v>8</v>
      </c>
      <c r="D21" s="556">
        <v>2</v>
      </c>
      <c r="E21" s="588">
        <v>10</v>
      </c>
      <c r="G21" s="305" t="s">
        <v>6</v>
      </c>
      <c r="H21" s="405">
        <v>4</v>
      </c>
      <c r="I21" s="541"/>
      <c r="J21" s="305" t="s">
        <v>6</v>
      </c>
      <c r="K21" s="404">
        <v>2</v>
      </c>
      <c r="L21" s="404">
        <v>9</v>
      </c>
      <c r="M21" s="418">
        <v>2</v>
      </c>
      <c r="N21" s="405">
        <v>8</v>
      </c>
    </row>
    <row r="22" spans="1:14" ht="20.100000000000001" customHeight="1" thickBot="1" x14ac:dyDescent="0.2">
      <c r="A22" s="318" t="s">
        <v>5</v>
      </c>
      <c r="B22" s="578">
        <v>3</v>
      </c>
      <c r="C22" s="574">
        <v>6</v>
      </c>
      <c r="D22" s="557">
        <v>4</v>
      </c>
      <c r="E22" s="587">
        <v>10</v>
      </c>
      <c r="G22" s="299" t="s">
        <v>5</v>
      </c>
      <c r="H22" s="407">
        <v>1</v>
      </c>
      <c r="I22" s="541"/>
      <c r="J22" s="299" t="s">
        <v>5</v>
      </c>
      <c r="K22" s="406">
        <v>4</v>
      </c>
      <c r="L22" s="406">
        <v>6</v>
      </c>
      <c r="M22" s="406">
        <v>2</v>
      </c>
      <c r="N22" s="407">
        <v>9</v>
      </c>
    </row>
    <row r="23" spans="1:14" ht="20.100000000000001" customHeight="1" thickTop="1" thickBot="1" x14ac:dyDescent="0.2">
      <c r="A23" s="571" t="s">
        <v>136</v>
      </c>
      <c r="B23" s="579">
        <v>67</v>
      </c>
      <c r="C23" s="575">
        <v>238</v>
      </c>
      <c r="D23" s="558">
        <v>127</v>
      </c>
      <c r="E23" s="591">
        <v>365</v>
      </c>
      <c r="G23" s="300" t="s">
        <v>136</v>
      </c>
      <c r="H23" s="540">
        <v>39</v>
      </c>
      <c r="I23" s="541"/>
      <c r="J23" s="300" t="s">
        <v>136</v>
      </c>
      <c r="K23" s="408">
        <v>47</v>
      </c>
      <c r="L23" s="408">
        <v>73</v>
      </c>
      <c r="M23" s="408">
        <v>25</v>
      </c>
      <c r="N23" s="540">
        <v>53</v>
      </c>
    </row>
    <row r="24" spans="1:14" ht="12" customHeight="1" x14ac:dyDescent="0.15">
      <c r="G24" s="77"/>
      <c r="H24" s="541"/>
      <c r="I24" s="541"/>
      <c r="J24" s="541"/>
    </row>
    <row r="25" spans="1:14" ht="20.100000000000001" customHeight="1" thickBot="1" x14ac:dyDescent="0.2">
      <c r="A25" s="79" t="s">
        <v>368</v>
      </c>
      <c r="J25" s="79" t="s">
        <v>363</v>
      </c>
      <c r="L25" s="78"/>
      <c r="M25" s="78"/>
    </row>
    <row r="26" spans="1:14" ht="20.100000000000001" customHeight="1" thickBot="1" x14ac:dyDescent="0.2">
      <c r="A26" s="596" t="s">
        <v>125</v>
      </c>
      <c r="B26" s="597"/>
      <c r="C26" s="597"/>
      <c r="D26" s="597"/>
      <c r="E26" s="597"/>
      <c r="F26" s="597"/>
      <c r="G26" s="598"/>
      <c r="H26" s="419" t="s">
        <v>126</v>
      </c>
      <c r="I26" s="593"/>
      <c r="J26" s="542" t="s">
        <v>218</v>
      </c>
      <c r="K26" s="543"/>
      <c r="L26" s="543"/>
      <c r="M26" s="543"/>
      <c r="N26" s="544"/>
    </row>
    <row r="27" spans="1:14" ht="20.100000000000001" customHeight="1" thickTop="1" x14ac:dyDescent="0.15">
      <c r="A27" s="309">
        <v>1</v>
      </c>
      <c r="B27" s="420" t="s">
        <v>105</v>
      </c>
      <c r="C27" s="421"/>
      <c r="D27" s="421"/>
      <c r="E27" s="421"/>
      <c r="F27" s="421"/>
      <c r="G27" s="421"/>
      <c r="H27" s="422">
        <v>85</v>
      </c>
      <c r="I27" s="594"/>
      <c r="J27" s="545" t="s">
        <v>219</v>
      </c>
      <c r="K27" s="78"/>
      <c r="L27" s="78"/>
      <c r="M27" s="78"/>
      <c r="N27" s="546"/>
    </row>
    <row r="28" spans="1:14" ht="20.100000000000001" customHeight="1" x14ac:dyDescent="0.15">
      <c r="A28" s="423">
        <v>2</v>
      </c>
      <c r="B28" s="424" t="s">
        <v>106</v>
      </c>
      <c r="C28" s="425"/>
      <c r="D28" s="425"/>
      <c r="E28" s="425"/>
      <c r="F28" s="425"/>
      <c r="G28" s="425"/>
      <c r="H28" s="426">
        <v>89</v>
      </c>
      <c r="I28" s="594"/>
      <c r="J28" s="545" t="s">
        <v>222</v>
      </c>
      <c r="K28" s="78"/>
      <c r="L28" s="78"/>
      <c r="M28" s="78"/>
      <c r="N28" s="546"/>
    </row>
    <row r="29" spans="1:14" ht="20.100000000000001" customHeight="1" x14ac:dyDescent="0.15">
      <c r="A29" s="423">
        <v>3</v>
      </c>
      <c r="B29" s="424" t="s">
        <v>107</v>
      </c>
      <c r="C29" s="425"/>
      <c r="D29" s="425"/>
      <c r="E29" s="425"/>
      <c r="F29" s="425"/>
      <c r="G29" s="425"/>
      <c r="H29" s="426">
        <v>55</v>
      </c>
      <c r="I29" s="594"/>
      <c r="J29" s="545" t="s">
        <v>230</v>
      </c>
      <c r="K29" s="78"/>
      <c r="L29" s="78"/>
      <c r="M29" s="78"/>
      <c r="N29" s="546"/>
    </row>
    <row r="30" spans="1:14" ht="20.100000000000001" customHeight="1" x14ac:dyDescent="0.15">
      <c r="A30" s="423">
        <v>4</v>
      </c>
      <c r="B30" s="424" t="s">
        <v>108</v>
      </c>
      <c r="C30" s="425"/>
      <c r="D30" s="425"/>
      <c r="E30" s="425"/>
      <c r="F30" s="425"/>
      <c r="G30" s="425"/>
      <c r="H30" s="426">
        <v>33</v>
      </c>
      <c r="I30" s="594"/>
      <c r="J30" s="545" t="s">
        <v>220</v>
      </c>
      <c r="K30" s="78"/>
      <c r="L30" s="78"/>
      <c r="M30" s="78"/>
      <c r="N30" s="546"/>
    </row>
    <row r="31" spans="1:14" ht="20.100000000000001" customHeight="1" x14ac:dyDescent="0.15">
      <c r="A31" s="423">
        <v>5</v>
      </c>
      <c r="B31" s="424" t="s">
        <v>109</v>
      </c>
      <c r="C31" s="425"/>
      <c r="D31" s="425"/>
      <c r="E31" s="425"/>
      <c r="F31" s="425"/>
      <c r="G31" s="425"/>
      <c r="H31" s="426">
        <v>29</v>
      </c>
      <c r="I31" s="594"/>
      <c r="J31" s="545" t="s">
        <v>223</v>
      </c>
      <c r="K31" s="78"/>
      <c r="L31" s="78"/>
      <c r="M31" s="78"/>
      <c r="N31" s="546"/>
    </row>
    <row r="32" spans="1:14" ht="20.100000000000001" customHeight="1" x14ac:dyDescent="0.15">
      <c r="A32" s="423">
        <v>6</v>
      </c>
      <c r="B32" s="424" t="s">
        <v>110</v>
      </c>
      <c r="C32" s="425"/>
      <c r="D32" s="425"/>
      <c r="E32" s="425"/>
      <c r="F32" s="425"/>
      <c r="G32" s="425"/>
      <c r="H32" s="426">
        <v>33</v>
      </c>
      <c r="I32" s="594"/>
      <c r="J32" s="545" t="s">
        <v>221</v>
      </c>
      <c r="K32" s="78"/>
      <c r="L32" s="78"/>
      <c r="M32" s="78"/>
      <c r="N32" s="546"/>
    </row>
    <row r="33" spans="1:14" ht="20.100000000000001" customHeight="1" thickBot="1" x14ac:dyDescent="0.2">
      <c r="A33" s="423">
        <v>7</v>
      </c>
      <c r="B33" s="424" t="s">
        <v>111</v>
      </c>
      <c r="C33" s="425"/>
      <c r="D33" s="425"/>
      <c r="E33" s="425"/>
      <c r="F33" s="425"/>
      <c r="G33" s="425"/>
      <c r="H33" s="426">
        <v>44</v>
      </c>
      <c r="I33" s="594"/>
      <c r="J33" s="547" t="s">
        <v>332</v>
      </c>
      <c r="K33" s="548"/>
      <c r="L33" s="548"/>
      <c r="M33" s="548"/>
      <c r="N33" s="549"/>
    </row>
    <row r="34" spans="1:14" ht="20.100000000000001" customHeight="1" x14ac:dyDescent="0.15">
      <c r="A34" s="423">
        <v>8</v>
      </c>
      <c r="B34" s="424" t="s">
        <v>112</v>
      </c>
      <c r="C34" s="425"/>
      <c r="D34" s="425"/>
      <c r="E34" s="425"/>
      <c r="F34" s="425"/>
      <c r="G34" s="425"/>
      <c r="H34" s="426">
        <v>41</v>
      </c>
    </row>
    <row r="35" spans="1:14" ht="20.100000000000001" customHeight="1" x14ac:dyDescent="0.15">
      <c r="A35" s="427">
        <v>9</v>
      </c>
      <c r="B35" s="428" t="s">
        <v>113</v>
      </c>
      <c r="C35" s="429"/>
      <c r="D35" s="429"/>
      <c r="E35" s="429"/>
      <c r="F35" s="429"/>
      <c r="G35" s="429"/>
      <c r="H35" s="426">
        <v>61</v>
      </c>
    </row>
    <row r="36" spans="1:14" ht="20.100000000000001" customHeight="1" x14ac:dyDescent="0.15">
      <c r="A36" s="427">
        <v>10</v>
      </c>
      <c r="B36" s="428" t="s">
        <v>127</v>
      </c>
      <c r="C36" s="429"/>
      <c r="D36" s="429"/>
      <c r="E36" s="429"/>
      <c r="F36" s="429"/>
      <c r="G36" s="429"/>
      <c r="H36" s="426">
        <v>61</v>
      </c>
    </row>
    <row r="37" spans="1:14" ht="20.100000000000001" customHeight="1" x14ac:dyDescent="0.15">
      <c r="A37" s="423">
        <v>11</v>
      </c>
      <c r="B37" s="424" t="s">
        <v>114</v>
      </c>
      <c r="C37" s="425"/>
      <c r="D37" s="425"/>
      <c r="E37" s="425"/>
      <c r="F37" s="425"/>
      <c r="G37" s="425"/>
      <c r="H37" s="426">
        <v>79</v>
      </c>
      <c r="L37" s="78"/>
    </row>
    <row r="38" spans="1:14" ht="20.100000000000001" customHeight="1" x14ac:dyDescent="0.15">
      <c r="A38" s="423">
        <v>12</v>
      </c>
      <c r="B38" s="424" t="s">
        <v>115</v>
      </c>
      <c r="C38" s="425"/>
      <c r="D38" s="425"/>
      <c r="E38" s="425"/>
      <c r="F38" s="425"/>
      <c r="G38" s="425"/>
      <c r="H38" s="426">
        <v>71</v>
      </c>
    </row>
    <row r="39" spans="1:14" ht="20.100000000000001" customHeight="1" x14ac:dyDescent="0.15">
      <c r="A39" s="423">
        <v>13</v>
      </c>
      <c r="B39" s="424" t="s">
        <v>116</v>
      </c>
      <c r="C39" s="425"/>
      <c r="D39" s="425"/>
      <c r="E39" s="425"/>
      <c r="F39" s="425"/>
      <c r="G39" s="425"/>
      <c r="H39" s="426">
        <v>90</v>
      </c>
    </row>
    <row r="40" spans="1:14" ht="20.100000000000001" customHeight="1" x14ac:dyDescent="0.15">
      <c r="A40" s="423">
        <v>14</v>
      </c>
      <c r="B40" s="424" t="s">
        <v>117</v>
      </c>
      <c r="C40" s="425"/>
      <c r="D40" s="425"/>
      <c r="E40" s="425"/>
      <c r="F40" s="425"/>
      <c r="G40" s="425"/>
      <c r="H40" s="426">
        <v>33</v>
      </c>
    </row>
    <row r="41" spans="1:14" ht="20.100000000000001" customHeight="1" x14ac:dyDescent="0.15">
      <c r="A41" s="423">
        <v>15</v>
      </c>
      <c r="B41" s="424" t="s">
        <v>118</v>
      </c>
      <c r="C41" s="425"/>
      <c r="D41" s="425"/>
      <c r="E41" s="425"/>
      <c r="F41" s="425"/>
      <c r="G41" s="425"/>
      <c r="H41" s="426">
        <v>173</v>
      </c>
    </row>
    <row r="42" spans="1:14" ht="20.100000000000001" customHeight="1" x14ac:dyDescent="0.15">
      <c r="A42" s="423">
        <v>16</v>
      </c>
      <c r="B42" s="424" t="s">
        <v>119</v>
      </c>
      <c r="C42" s="425"/>
      <c r="D42" s="425"/>
      <c r="E42" s="425"/>
      <c r="F42" s="425"/>
      <c r="G42" s="425"/>
      <c r="H42" s="426">
        <v>50</v>
      </c>
    </row>
    <row r="43" spans="1:14" ht="20.100000000000001" customHeight="1" x14ac:dyDescent="0.15">
      <c r="A43" s="423">
        <v>17</v>
      </c>
      <c r="B43" s="424" t="s">
        <v>120</v>
      </c>
      <c r="C43" s="425"/>
      <c r="D43" s="425"/>
      <c r="E43" s="425"/>
      <c r="F43" s="425"/>
      <c r="G43" s="425"/>
      <c r="H43" s="426">
        <v>73</v>
      </c>
      <c r="I43" s="78"/>
      <c r="J43" s="78"/>
      <c r="L43" s="78"/>
      <c r="M43" s="78"/>
    </row>
    <row r="44" spans="1:14" ht="20.100000000000001" customHeight="1" x14ac:dyDescent="0.15">
      <c r="A44" s="423">
        <v>18</v>
      </c>
      <c r="B44" s="424" t="s">
        <v>128</v>
      </c>
      <c r="C44" s="425"/>
      <c r="D44" s="425"/>
      <c r="E44" s="425"/>
      <c r="F44" s="425"/>
      <c r="G44" s="425"/>
      <c r="H44" s="426">
        <v>36</v>
      </c>
      <c r="I44" s="78"/>
      <c r="J44" s="78"/>
      <c r="L44" s="78"/>
      <c r="M44" s="78"/>
    </row>
    <row r="45" spans="1:14" ht="20.100000000000001" customHeight="1" x14ac:dyDescent="0.15">
      <c r="A45" s="423">
        <v>19</v>
      </c>
      <c r="B45" s="424" t="s">
        <v>121</v>
      </c>
      <c r="C45" s="425"/>
      <c r="D45" s="425"/>
      <c r="E45" s="425"/>
      <c r="F45" s="425"/>
      <c r="G45" s="425"/>
      <c r="H45" s="426">
        <v>68</v>
      </c>
      <c r="I45" s="78"/>
      <c r="J45" s="78"/>
      <c r="L45" s="78"/>
      <c r="M45" s="78"/>
    </row>
    <row r="46" spans="1:14" ht="20.100000000000001" customHeight="1" x14ac:dyDescent="0.15">
      <c r="A46" s="423">
        <v>20</v>
      </c>
      <c r="B46" s="424" t="s">
        <v>122</v>
      </c>
      <c r="C46" s="425"/>
      <c r="D46" s="425"/>
      <c r="E46" s="425"/>
      <c r="F46" s="425"/>
      <c r="G46" s="425"/>
      <c r="H46" s="426">
        <v>38</v>
      </c>
      <c r="I46" s="78"/>
      <c r="J46" s="78"/>
      <c r="L46" s="78"/>
      <c r="M46" s="78"/>
    </row>
    <row r="47" spans="1:14" ht="20.100000000000001" customHeight="1" thickBot="1" x14ac:dyDescent="0.2">
      <c r="A47" s="430">
        <v>21</v>
      </c>
      <c r="B47" s="431" t="s">
        <v>123</v>
      </c>
      <c r="C47" s="432"/>
      <c r="D47" s="432"/>
      <c r="E47" s="432"/>
      <c r="F47" s="432"/>
      <c r="G47" s="432"/>
      <c r="H47" s="433">
        <v>32</v>
      </c>
      <c r="I47" s="78"/>
      <c r="J47" s="78"/>
      <c r="K47" s="78"/>
      <c r="L47" s="78"/>
      <c r="M47" s="78"/>
    </row>
    <row r="48" spans="1:14" ht="20.100000000000001" customHeight="1" thickTop="1" thickBot="1" x14ac:dyDescent="0.2">
      <c r="A48" s="434"/>
      <c r="B48" s="435"/>
      <c r="C48" s="435"/>
      <c r="D48" s="435"/>
      <c r="E48" s="435"/>
      <c r="F48" s="435"/>
      <c r="G48" s="595" t="s">
        <v>129</v>
      </c>
      <c r="H48" s="436">
        <v>1274</v>
      </c>
      <c r="I48" s="78"/>
      <c r="J48" s="78"/>
      <c r="K48" s="78"/>
      <c r="L48" s="78"/>
      <c r="M48" s="78"/>
    </row>
  </sheetData>
  <mergeCells count="2">
    <mergeCell ref="J2:L3"/>
    <mergeCell ref="G2:I3"/>
  </mergeCells>
  <phoneticPr fontId="1"/>
  <pageMargins left="0.82677165354330717" right="0.23622047244094491" top="0.39370078740157483" bottom="0.35433070866141736" header="0.31496062992125984" footer="0.31496062992125984"/>
  <pageSetup paperSize="9" scale="60" orientation="landscape" r:id="rId1"/>
  <headerFooter>
    <oddFooter>&amp;C&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36"/>
  <sheetViews>
    <sheetView showWhiteSpace="0" zoomScale="80" zoomScaleNormal="80" zoomScaleSheetLayoutView="100" zoomScalePageLayoutView="50" workbookViewId="0"/>
  </sheetViews>
  <sheetFormatPr defaultColWidth="14.625" defaultRowHeight="20.100000000000001" customHeight="1" x14ac:dyDescent="0.15"/>
  <cols>
    <col min="1" max="1" width="14.625" style="5"/>
    <col min="2" max="16384" width="14.625" style="2"/>
  </cols>
  <sheetData>
    <row r="1" spans="1:16" ht="20.100000000000001" customHeight="1" x14ac:dyDescent="0.15">
      <c r="A1" s="294" t="s">
        <v>334</v>
      </c>
    </row>
    <row r="2" spans="1:16" ht="20.100000000000001" customHeight="1" x14ac:dyDescent="0.15">
      <c r="A2" s="294" t="s">
        <v>335</v>
      </c>
      <c r="D2" s="52" t="s">
        <v>97</v>
      </c>
      <c r="E2" s="53"/>
      <c r="I2" s="3"/>
    </row>
    <row r="3" spans="1:16" ht="20.100000000000001" customHeight="1" x14ac:dyDescent="0.15">
      <c r="A3" s="437"/>
      <c r="D3" s="52" t="s">
        <v>103</v>
      </c>
      <c r="E3" s="52" t="s">
        <v>196</v>
      </c>
    </row>
    <row r="4" spans="1:16" ht="20.100000000000001" customHeight="1" thickBot="1" x14ac:dyDescent="0.2">
      <c r="A4" s="6" t="s">
        <v>337</v>
      </c>
      <c r="D4" s="52" t="s">
        <v>96</v>
      </c>
      <c r="E4" s="52" t="s">
        <v>338</v>
      </c>
    </row>
    <row r="5" spans="1:16" ht="20.100000000000001" customHeight="1" x14ac:dyDescent="0.15">
      <c r="A5" s="660" t="s">
        <v>8</v>
      </c>
      <c r="B5" s="662" t="s">
        <v>13</v>
      </c>
      <c r="C5" s="663"/>
      <c r="D5" s="663"/>
      <c r="E5" s="663"/>
      <c r="F5" s="664"/>
      <c r="G5" s="662" t="s">
        <v>14</v>
      </c>
      <c r="H5" s="663"/>
      <c r="I5" s="663"/>
      <c r="J5" s="663"/>
      <c r="K5" s="664"/>
      <c r="L5" s="662" t="s">
        <v>15</v>
      </c>
      <c r="M5" s="663"/>
      <c r="N5" s="663"/>
      <c r="O5" s="663"/>
      <c r="P5" s="664"/>
    </row>
    <row r="6" spans="1:16" ht="20.100000000000001" customHeight="1" thickBot="1" x14ac:dyDescent="0.2">
      <c r="A6" s="661"/>
      <c r="B6" s="7" t="s">
        <v>198</v>
      </c>
      <c r="C6" s="8" t="s">
        <v>197</v>
      </c>
      <c r="D6" s="8" t="s">
        <v>195</v>
      </c>
      <c r="E6" s="8" t="s">
        <v>347</v>
      </c>
      <c r="F6" s="9" t="s">
        <v>299</v>
      </c>
      <c r="G6" s="7" t="s">
        <v>198</v>
      </c>
      <c r="H6" s="8" t="s">
        <v>197</v>
      </c>
      <c r="I6" s="8" t="s">
        <v>195</v>
      </c>
      <c r="J6" s="8" t="s">
        <v>347</v>
      </c>
      <c r="K6" s="9" t="s">
        <v>299</v>
      </c>
      <c r="L6" s="7" t="s">
        <v>198</v>
      </c>
      <c r="M6" s="8" t="s">
        <v>197</v>
      </c>
      <c r="N6" s="8" t="s">
        <v>195</v>
      </c>
      <c r="O6" s="8" t="s">
        <v>347</v>
      </c>
      <c r="P6" s="9" t="s">
        <v>299</v>
      </c>
    </row>
    <row r="7" spans="1:16" s="16" customFormat="1" ht="20.100000000000001" customHeight="1" thickTop="1" x14ac:dyDescent="0.15">
      <c r="A7" s="10" t="s">
        <v>98</v>
      </c>
      <c r="B7" s="11">
        <v>9</v>
      </c>
      <c r="C7" s="12">
        <v>10</v>
      </c>
      <c r="D7" s="13">
        <v>9.5</v>
      </c>
      <c r="E7" s="12">
        <v>0</v>
      </c>
      <c r="F7" s="14">
        <v>0</v>
      </c>
      <c r="G7" s="19">
        <v>8</v>
      </c>
      <c r="H7" s="19">
        <v>10</v>
      </c>
      <c r="I7" s="13">
        <v>9</v>
      </c>
      <c r="J7" s="19">
        <v>0</v>
      </c>
      <c r="K7" s="14">
        <v>0</v>
      </c>
      <c r="L7" s="19">
        <v>1</v>
      </c>
      <c r="M7" s="19">
        <v>0</v>
      </c>
      <c r="N7" s="13">
        <v>0.5</v>
      </c>
      <c r="O7" s="19">
        <v>0</v>
      </c>
      <c r="P7" s="20">
        <v>0</v>
      </c>
    </row>
    <row r="8" spans="1:16" s="16" customFormat="1" ht="20.100000000000001" customHeight="1" x14ac:dyDescent="0.15">
      <c r="A8" s="17" t="s">
        <v>99</v>
      </c>
      <c r="B8" s="18">
        <v>55</v>
      </c>
      <c r="C8" s="19">
        <v>48</v>
      </c>
      <c r="D8" s="13">
        <v>51.5</v>
      </c>
      <c r="E8" s="12">
        <v>15</v>
      </c>
      <c r="F8" s="14">
        <v>0.29126213592233008</v>
      </c>
      <c r="G8" s="19">
        <v>53</v>
      </c>
      <c r="H8" s="19">
        <v>45</v>
      </c>
      <c r="I8" s="13">
        <v>49</v>
      </c>
      <c r="J8" s="19">
        <v>14</v>
      </c>
      <c r="K8" s="14">
        <v>0.2857142857142857</v>
      </c>
      <c r="L8" s="19">
        <v>2</v>
      </c>
      <c r="M8" s="19">
        <v>3</v>
      </c>
      <c r="N8" s="13">
        <v>2.5</v>
      </c>
      <c r="O8" s="19">
        <v>1</v>
      </c>
      <c r="P8" s="20">
        <v>0.4</v>
      </c>
    </row>
    <row r="9" spans="1:16" s="16" customFormat="1" ht="20.100000000000001" customHeight="1" x14ac:dyDescent="0.15">
      <c r="A9" s="17" t="s">
        <v>100</v>
      </c>
      <c r="B9" s="18">
        <v>36</v>
      </c>
      <c r="C9" s="19">
        <v>32</v>
      </c>
      <c r="D9" s="13">
        <v>34</v>
      </c>
      <c r="E9" s="12">
        <v>9</v>
      </c>
      <c r="F9" s="14">
        <v>0.26470588235294118</v>
      </c>
      <c r="G9" s="19">
        <v>36</v>
      </c>
      <c r="H9" s="19">
        <v>32</v>
      </c>
      <c r="I9" s="13">
        <v>34</v>
      </c>
      <c r="J9" s="19">
        <v>9</v>
      </c>
      <c r="K9" s="14">
        <v>0.26470588235294118</v>
      </c>
      <c r="L9" s="19">
        <v>0</v>
      </c>
      <c r="M9" s="19">
        <v>0</v>
      </c>
      <c r="N9" s="13">
        <v>0</v>
      </c>
      <c r="O9" s="19">
        <v>0</v>
      </c>
      <c r="P9" s="632" t="s">
        <v>345</v>
      </c>
    </row>
    <row r="10" spans="1:16" s="16" customFormat="1" ht="20.100000000000001" customHeight="1" x14ac:dyDescent="0.15">
      <c r="A10" s="17" t="s">
        <v>101</v>
      </c>
      <c r="B10" s="18">
        <v>27</v>
      </c>
      <c r="C10" s="19">
        <v>26</v>
      </c>
      <c r="D10" s="13">
        <v>26.5</v>
      </c>
      <c r="E10" s="12">
        <v>2</v>
      </c>
      <c r="F10" s="14">
        <v>7.5471698113207544E-2</v>
      </c>
      <c r="G10" s="19">
        <v>26</v>
      </c>
      <c r="H10" s="19">
        <v>25</v>
      </c>
      <c r="I10" s="13">
        <v>25.5</v>
      </c>
      <c r="J10" s="19">
        <v>2</v>
      </c>
      <c r="K10" s="14">
        <v>7.8431372549019607E-2</v>
      </c>
      <c r="L10" s="19">
        <v>1</v>
      </c>
      <c r="M10" s="19">
        <v>1</v>
      </c>
      <c r="N10" s="13">
        <v>1</v>
      </c>
      <c r="O10" s="19">
        <v>0</v>
      </c>
      <c r="P10" s="20">
        <v>0</v>
      </c>
    </row>
    <row r="11" spans="1:16" s="16" customFormat="1" ht="20.100000000000001" customHeight="1" x14ac:dyDescent="0.15">
      <c r="A11" s="17" t="s">
        <v>102</v>
      </c>
      <c r="B11" s="18">
        <v>10</v>
      </c>
      <c r="C11" s="19">
        <v>9</v>
      </c>
      <c r="D11" s="13">
        <v>9.5</v>
      </c>
      <c r="E11" s="12">
        <v>0</v>
      </c>
      <c r="F11" s="14">
        <v>0</v>
      </c>
      <c r="G11" s="19">
        <v>9</v>
      </c>
      <c r="H11" s="19">
        <v>8</v>
      </c>
      <c r="I11" s="13">
        <v>8.5</v>
      </c>
      <c r="J11" s="19">
        <v>0</v>
      </c>
      <c r="K11" s="14">
        <v>0</v>
      </c>
      <c r="L11" s="19">
        <v>1</v>
      </c>
      <c r="M11" s="19">
        <v>1</v>
      </c>
      <c r="N11" s="13">
        <v>1</v>
      </c>
      <c r="O11" s="19">
        <v>0</v>
      </c>
      <c r="P11" s="20">
        <v>0</v>
      </c>
    </row>
    <row r="12" spans="1:16" s="27" customFormat="1" ht="20.100000000000001" customHeight="1" thickBot="1" x14ac:dyDescent="0.2">
      <c r="A12" s="21" t="s">
        <v>11</v>
      </c>
      <c r="B12" s="22">
        <v>17</v>
      </c>
      <c r="C12" s="23">
        <v>15</v>
      </c>
      <c r="D12" s="24">
        <v>16</v>
      </c>
      <c r="E12" s="25">
        <v>1</v>
      </c>
      <c r="F12" s="26">
        <v>6.25E-2</v>
      </c>
      <c r="G12" s="19">
        <v>17</v>
      </c>
      <c r="H12" s="19">
        <v>15</v>
      </c>
      <c r="I12" s="24">
        <v>16</v>
      </c>
      <c r="J12" s="19">
        <v>1</v>
      </c>
      <c r="K12" s="26">
        <v>6.25E-2</v>
      </c>
      <c r="L12" s="19">
        <v>0</v>
      </c>
      <c r="M12" s="19">
        <v>0</v>
      </c>
      <c r="N12" s="24">
        <v>0</v>
      </c>
      <c r="O12" s="19">
        <v>0</v>
      </c>
      <c r="P12" s="632" t="s">
        <v>345</v>
      </c>
    </row>
    <row r="13" spans="1:16" ht="20.100000000000001" customHeight="1" thickTop="1" thickBot="1" x14ac:dyDescent="0.2">
      <c r="A13" s="55" t="s">
        <v>16</v>
      </c>
      <c r="B13" s="29">
        <v>154</v>
      </c>
      <c r="C13" s="30">
        <v>140</v>
      </c>
      <c r="D13" s="31">
        <v>147</v>
      </c>
      <c r="E13" s="32">
        <v>27</v>
      </c>
      <c r="F13" s="33">
        <v>0.18367346938775511</v>
      </c>
      <c r="G13" s="29">
        <v>149</v>
      </c>
      <c r="H13" s="30">
        <v>135</v>
      </c>
      <c r="I13" s="31">
        <v>142</v>
      </c>
      <c r="J13" s="32">
        <v>26</v>
      </c>
      <c r="K13" s="33">
        <v>0.18309859154929578</v>
      </c>
      <c r="L13" s="29">
        <v>5</v>
      </c>
      <c r="M13" s="30">
        <v>5</v>
      </c>
      <c r="N13" s="31">
        <v>5</v>
      </c>
      <c r="O13" s="32">
        <v>1</v>
      </c>
      <c r="P13" s="33">
        <v>0.2</v>
      </c>
    </row>
    <row r="15" spans="1:16" ht="20.100000000000001" customHeight="1" thickBot="1" x14ac:dyDescent="0.2">
      <c r="A15" s="6" t="s">
        <v>17</v>
      </c>
    </row>
    <row r="16" spans="1:16" ht="20.100000000000001" customHeight="1" x14ac:dyDescent="0.15">
      <c r="A16" s="660" t="s">
        <v>82</v>
      </c>
      <c r="B16" s="662" t="s">
        <v>13</v>
      </c>
      <c r="C16" s="663"/>
      <c r="D16" s="663"/>
      <c r="E16" s="663"/>
      <c r="F16" s="664"/>
      <c r="G16" s="662" t="s">
        <v>14</v>
      </c>
      <c r="H16" s="663"/>
      <c r="I16" s="663"/>
      <c r="J16" s="663"/>
      <c r="K16" s="664"/>
      <c r="L16" s="662" t="s">
        <v>15</v>
      </c>
      <c r="M16" s="663"/>
      <c r="N16" s="663"/>
      <c r="O16" s="663"/>
      <c r="P16" s="664"/>
    </row>
    <row r="17" spans="1:16" ht="20.100000000000001" customHeight="1" thickBot="1" x14ac:dyDescent="0.2">
      <c r="A17" s="661"/>
      <c r="B17" s="7" t="s">
        <v>198</v>
      </c>
      <c r="C17" s="8" t="s">
        <v>197</v>
      </c>
      <c r="D17" s="8" t="s">
        <v>195</v>
      </c>
      <c r="E17" s="8" t="s">
        <v>347</v>
      </c>
      <c r="F17" s="9" t="s">
        <v>299</v>
      </c>
      <c r="G17" s="7" t="s">
        <v>198</v>
      </c>
      <c r="H17" s="8" t="s">
        <v>197</v>
      </c>
      <c r="I17" s="8" t="s">
        <v>195</v>
      </c>
      <c r="J17" s="8" t="s">
        <v>347</v>
      </c>
      <c r="K17" s="9" t="s">
        <v>299</v>
      </c>
      <c r="L17" s="7" t="s">
        <v>198</v>
      </c>
      <c r="M17" s="8" t="s">
        <v>197</v>
      </c>
      <c r="N17" s="8" t="s">
        <v>195</v>
      </c>
      <c r="O17" s="8" t="s">
        <v>347</v>
      </c>
      <c r="P17" s="9" t="s">
        <v>299</v>
      </c>
    </row>
    <row r="18" spans="1:16" ht="20.100000000000001" customHeight="1" thickTop="1" x14ac:dyDescent="0.15">
      <c r="A18" s="34" t="s">
        <v>18</v>
      </c>
      <c r="B18" s="35">
        <v>0</v>
      </c>
      <c r="C18" s="36">
        <v>0</v>
      </c>
      <c r="D18" s="37">
        <v>0</v>
      </c>
      <c r="E18" s="36">
        <v>0</v>
      </c>
      <c r="F18" s="632" t="s">
        <v>345</v>
      </c>
      <c r="G18" s="11">
        <v>0</v>
      </c>
      <c r="H18" s="12">
        <v>0</v>
      </c>
      <c r="I18" s="13">
        <v>0</v>
      </c>
      <c r="J18" s="12">
        <v>0</v>
      </c>
      <c r="K18" s="632" t="s">
        <v>345</v>
      </c>
      <c r="L18" s="11">
        <v>0</v>
      </c>
      <c r="M18" s="12">
        <v>0</v>
      </c>
      <c r="N18" s="13">
        <v>0</v>
      </c>
      <c r="O18" s="12">
        <v>0</v>
      </c>
      <c r="P18" s="632" t="s">
        <v>345</v>
      </c>
    </row>
    <row r="19" spans="1:16" ht="20.100000000000001" customHeight="1" x14ac:dyDescent="0.15">
      <c r="A19" s="39" t="s">
        <v>19</v>
      </c>
      <c r="B19" s="35">
        <v>3</v>
      </c>
      <c r="C19" s="36">
        <v>0</v>
      </c>
      <c r="D19" s="37">
        <v>1.5</v>
      </c>
      <c r="E19" s="36">
        <v>0</v>
      </c>
      <c r="F19" s="38">
        <v>0</v>
      </c>
      <c r="G19" s="18">
        <v>3</v>
      </c>
      <c r="H19" s="19">
        <v>0</v>
      </c>
      <c r="I19" s="13">
        <v>1.5</v>
      </c>
      <c r="J19" s="19">
        <v>0</v>
      </c>
      <c r="K19" s="106">
        <v>0</v>
      </c>
      <c r="L19" s="18">
        <v>0</v>
      </c>
      <c r="M19" s="19">
        <v>0</v>
      </c>
      <c r="N19" s="13">
        <v>0</v>
      </c>
      <c r="O19" s="19">
        <v>0</v>
      </c>
      <c r="P19" s="632" t="s">
        <v>345</v>
      </c>
    </row>
    <row r="20" spans="1:16" ht="20.100000000000001" customHeight="1" x14ac:dyDescent="0.15">
      <c r="A20" s="39" t="s">
        <v>20</v>
      </c>
      <c r="B20" s="35">
        <v>137</v>
      </c>
      <c r="C20" s="36">
        <v>132</v>
      </c>
      <c r="D20" s="37">
        <v>134.5</v>
      </c>
      <c r="E20" s="36">
        <v>23</v>
      </c>
      <c r="F20" s="38">
        <v>0.17100371747211895</v>
      </c>
      <c r="G20" s="18">
        <v>133</v>
      </c>
      <c r="H20" s="19">
        <v>128</v>
      </c>
      <c r="I20" s="13">
        <v>130.5</v>
      </c>
      <c r="J20" s="19">
        <v>22</v>
      </c>
      <c r="K20" s="14">
        <v>0.16858237547892721</v>
      </c>
      <c r="L20" s="18">
        <v>4</v>
      </c>
      <c r="M20" s="19">
        <v>4</v>
      </c>
      <c r="N20" s="13">
        <v>4</v>
      </c>
      <c r="O20" s="19">
        <v>1</v>
      </c>
      <c r="P20" s="38">
        <v>0.25</v>
      </c>
    </row>
    <row r="21" spans="1:16" ht="20.100000000000001" customHeight="1" thickBot="1" x14ac:dyDescent="0.2">
      <c r="A21" s="40" t="s">
        <v>21</v>
      </c>
      <c r="B21" s="41">
        <v>14</v>
      </c>
      <c r="C21" s="42">
        <v>8</v>
      </c>
      <c r="D21" s="43">
        <v>11</v>
      </c>
      <c r="E21" s="42">
        <v>4</v>
      </c>
      <c r="F21" s="44">
        <v>0.36363636363636365</v>
      </c>
      <c r="G21" s="45">
        <v>13</v>
      </c>
      <c r="H21" s="46">
        <v>7</v>
      </c>
      <c r="I21" s="47">
        <v>10</v>
      </c>
      <c r="J21" s="46">
        <v>4</v>
      </c>
      <c r="K21" s="48">
        <v>0.4</v>
      </c>
      <c r="L21" s="45">
        <v>1</v>
      </c>
      <c r="M21" s="46">
        <v>1</v>
      </c>
      <c r="N21" s="47">
        <v>1</v>
      </c>
      <c r="O21" s="46">
        <v>0</v>
      </c>
      <c r="P21" s="44">
        <v>0</v>
      </c>
    </row>
    <row r="22" spans="1:16" ht="20.100000000000001" customHeight="1" thickTop="1" thickBot="1" x14ac:dyDescent="0.2">
      <c r="A22" s="55" t="s">
        <v>16</v>
      </c>
      <c r="B22" s="29">
        <v>154</v>
      </c>
      <c r="C22" s="32">
        <v>140</v>
      </c>
      <c r="D22" s="31">
        <v>147</v>
      </c>
      <c r="E22" s="32">
        <v>27</v>
      </c>
      <c r="F22" s="33">
        <v>0.18367346938775511</v>
      </c>
      <c r="G22" s="29">
        <v>149</v>
      </c>
      <c r="H22" s="30">
        <v>135</v>
      </c>
      <c r="I22" s="31">
        <v>142</v>
      </c>
      <c r="J22" s="32">
        <v>26</v>
      </c>
      <c r="K22" s="33">
        <v>0.18309859154929578</v>
      </c>
      <c r="L22" s="29">
        <v>5</v>
      </c>
      <c r="M22" s="30">
        <v>5</v>
      </c>
      <c r="N22" s="31">
        <v>5</v>
      </c>
      <c r="O22" s="32">
        <v>1</v>
      </c>
      <c r="P22" s="33">
        <v>0.2</v>
      </c>
    </row>
    <row r="24" spans="1:16" ht="20.100000000000001" customHeight="1" thickBot="1" x14ac:dyDescent="0.2">
      <c r="A24" s="6" t="s">
        <v>22</v>
      </c>
      <c r="G24" s="49"/>
      <c r="H24" s="49"/>
      <c r="I24" s="49"/>
      <c r="J24" s="49"/>
      <c r="K24" s="49"/>
      <c r="L24" s="49"/>
      <c r="M24" s="49"/>
      <c r="N24" s="49"/>
      <c r="O24" s="49"/>
    </row>
    <row r="25" spans="1:16" ht="20.100000000000001" customHeight="1" x14ac:dyDescent="0.15">
      <c r="A25" s="660" t="s">
        <v>23</v>
      </c>
      <c r="B25" s="662" t="s">
        <v>13</v>
      </c>
      <c r="C25" s="663"/>
      <c r="D25" s="663"/>
      <c r="E25" s="663"/>
      <c r="F25" s="664"/>
      <c r="G25" s="662" t="s">
        <v>14</v>
      </c>
      <c r="H25" s="663"/>
      <c r="I25" s="663"/>
      <c r="J25" s="663"/>
      <c r="K25" s="664"/>
      <c r="L25" s="662" t="s">
        <v>15</v>
      </c>
      <c r="M25" s="663"/>
      <c r="N25" s="663"/>
      <c r="O25" s="663"/>
      <c r="P25" s="664"/>
    </row>
    <row r="26" spans="1:16" s="50" customFormat="1" ht="20.100000000000001" customHeight="1" thickBot="1" x14ac:dyDescent="0.2">
      <c r="A26" s="661"/>
      <c r="B26" s="7" t="s">
        <v>198</v>
      </c>
      <c r="C26" s="8" t="s">
        <v>197</v>
      </c>
      <c r="D26" s="8" t="s">
        <v>195</v>
      </c>
      <c r="E26" s="8" t="s">
        <v>347</v>
      </c>
      <c r="F26" s="9" t="s">
        <v>299</v>
      </c>
      <c r="G26" s="7" t="s">
        <v>198</v>
      </c>
      <c r="H26" s="8" t="s">
        <v>197</v>
      </c>
      <c r="I26" s="8" t="s">
        <v>195</v>
      </c>
      <c r="J26" s="8" t="s">
        <v>347</v>
      </c>
      <c r="K26" s="9" t="s">
        <v>299</v>
      </c>
      <c r="L26" s="7" t="s">
        <v>198</v>
      </c>
      <c r="M26" s="8" t="s">
        <v>197</v>
      </c>
      <c r="N26" s="8" t="s">
        <v>195</v>
      </c>
      <c r="O26" s="8" t="s">
        <v>347</v>
      </c>
      <c r="P26" s="9" t="s">
        <v>299</v>
      </c>
    </row>
    <row r="27" spans="1:16" s="16" customFormat="1" ht="20.100000000000001" customHeight="1" thickTop="1" x14ac:dyDescent="0.15">
      <c r="A27" s="10" t="s">
        <v>24</v>
      </c>
      <c r="B27" s="11">
        <v>70</v>
      </c>
      <c r="C27" s="12">
        <v>59</v>
      </c>
      <c r="D27" s="13">
        <v>64.5</v>
      </c>
      <c r="E27" s="12">
        <v>16</v>
      </c>
      <c r="F27" s="14">
        <v>0.24806201550387597</v>
      </c>
      <c r="G27" s="11">
        <v>69</v>
      </c>
      <c r="H27" s="12">
        <v>58</v>
      </c>
      <c r="I27" s="13">
        <v>63.5</v>
      </c>
      <c r="J27" s="12">
        <v>15</v>
      </c>
      <c r="K27" s="14">
        <v>0.23622047244094488</v>
      </c>
      <c r="L27" s="11">
        <v>1</v>
      </c>
      <c r="M27" s="12">
        <v>1</v>
      </c>
      <c r="N27" s="13">
        <v>1</v>
      </c>
      <c r="O27" s="12">
        <v>1</v>
      </c>
      <c r="P27" s="633">
        <v>1</v>
      </c>
    </row>
    <row r="28" spans="1:16" s="16" customFormat="1" ht="20.100000000000001" customHeight="1" x14ac:dyDescent="0.15">
      <c r="A28" s="17" t="s">
        <v>25</v>
      </c>
      <c r="B28" s="18">
        <v>16</v>
      </c>
      <c r="C28" s="19">
        <v>15</v>
      </c>
      <c r="D28" s="13">
        <v>15.5</v>
      </c>
      <c r="E28" s="19">
        <v>3</v>
      </c>
      <c r="F28" s="14">
        <v>0.19354838709677419</v>
      </c>
      <c r="G28" s="18">
        <v>14</v>
      </c>
      <c r="H28" s="19">
        <v>13</v>
      </c>
      <c r="I28" s="13">
        <v>13.5</v>
      </c>
      <c r="J28" s="19">
        <v>3</v>
      </c>
      <c r="K28" s="14">
        <v>0.22222222222222221</v>
      </c>
      <c r="L28" s="18">
        <v>2</v>
      </c>
      <c r="M28" s="19">
        <v>2</v>
      </c>
      <c r="N28" s="13">
        <v>2</v>
      </c>
      <c r="O28" s="19">
        <v>0</v>
      </c>
      <c r="P28" s="62">
        <v>0</v>
      </c>
    </row>
    <row r="29" spans="1:16" s="16" customFormat="1" ht="20.100000000000001" customHeight="1" x14ac:dyDescent="0.15">
      <c r="A29" s="17" t="s">
        <v>26</v>
      </c>
      <c r="B29" s="18">
        <v>10</v>
      </c>
      <c r="C29" s="19">
        <v>10</v>
      </c>
      <c r="D29" s="13">
        <v>10</v>
      </c>
      <c r="E29" s="19">
        <v>0</v>
      </c>
      <c r="F29" s="14">
        <v>0</v>
      </c>
      <c r="G29" s="18">
        <v>10</v>
      </c>
      <c r="H29" s="19">
        <v>10</v>
      </c>
      <c r="I29" s="13">
        <v>10</v>
      </c>
      <c r="J29" s="19">
        <v>0</v>
      </c>
      <c r="K29" s="14">
        <v>0</v>
      </c>
      <c r="L29" s="18">
        <v>0</v>
      </c>
      <c r="M29" s="19">
        <v>0</v>
      </c>
      <c r="N29" s="13">
        <v>0</v>
      </c>
      <c r="O29" s="19">
        <v>0</v>
      </c>
      <c r="P29" s="632" t="s">
        <v>345</v>
      </c>
    </row>
    <row r="30" spans="1:16" s="16" customFormat="1" ht="20.100000000000001" customHeight="1" x14ac:dyDescent="0.15">
      <c r="A30" s="17" t="s">
        <v>27</v>
      </c>
      <c r="B30" s="18">
        <v>3</v>
      </c>
      <c r="C30" s="19">
        <v>3</v>
      </c>
      <c r="D30" s="13">
        <v>3</v>
      </c>
      <c r="E30" s="19">
        <v>0</v>
      </c>
      <c r="F30" s="14">
        <v>0</v>
      </c>
      <c r="G30" s="19">
        <v>3</v>
      </c>
      <c r="H30" s="19">
        <v>3</v>
      </c>
      <c r="I30" s="13">
        <v>3</v>
      </c>
      <c r="J30" s="19">
        <v>0</v>
      </c>
      <c r="K30" s="14">
        <v>0</v>
      </c>
      <c r="L30" s="19">
        <v>0</v>
      </c>
      <c r="M30" s="19">
        <v>0</v>
      </c>
      <c r="N30" s="13">
        <v>0</v>
      </c>
      <c r="O30" s="19">
        <v>0</v>
      </c>
      <c r="P30" s="632" t="s">
        <v>345</v>
      </c>
    </row>
    <row r="31" spans="1:16" s="16" customFormat="1" ht="20.100000000000001" customHeight="1" x14ac:dyDescent="0.15">
      <c r="A31" s="17" t="s">
        <v>28</v>
      </c>
      <c r="B31" s="18">
        <v>7</v>
      </c>
      <c r="C31" s="19">
        <v>8</v>
      </c>
      <c r="D31" s="13">
        <v>7.5</v>
      </c>
      <c r="E31" s="19">
        <v>0</v>
      </c>
      <c r="F31" s="14">
        <v>0</v>
      </c>
      <c r="G31" s="19">
        <v>6</v>
      </c>
      <c r="H31" s="19">
        <v>7</v>
      </c>
      <c r="I31" s="13">
        <v>6.5</v>
      </c>
      <c r="J31" s="19">
        <v>0</v>
      </c>
      <c r="K31" s="14">
        <v>0</v>
      </c>
      <c r="L31" s="19">
        <v>1</v>
      </c>
      <c r="M31" s="19">
        <v>1</v>
      </c>
      <c r="N31" s="13">
        <v>1</v>
      </c>
      <c r="O31" s="19">
        <v>0</v>
      </c>
      <c r="P31" s="633">
        <v>0</v>
      </c>
    </row>
    <row r="32" spans="1:16" s="16" customFormat="1" ht="20.100000000000001" customHeight="1" x14ac:dyDescent="0.15">
      <c r="A32" s="17" t="s">
        <v>29</v>
      </c>
      <c r="B32" s="18">
        <v>2</v>
      </c>
      <c r="C32" s="19">
        <v>0</v>
      </c>
      <c r="D32" s="13">
        <v>1</v>
      </c>
      <c r="E32" s="19">
        <v>0</v>
      </c>
      <c r="F32" s="14">
        <v>0</v>
      </c>
      <c r="G32" s="19">
        <v>2</v>
      </c>
      <c r="H32" s="19">
        <v>0</v>
      </c>
      <c r="I32" s="13">
        <v>1</v>
      </c>
      <c r="J32" s="19">
        <v>0</v>
      </c>
      <c r="K32" s="14">
        <v>0</v>
      </c>
      <c r="L32" s="19">
        <v>0</v>
      </c>
      <c r="M32" s="19">
        <v>0</v>
      </c>
      <c r="N32" s="13">
        <v>0</v>
      </c>
      <c r="O32" s="19">
        <v>0</v>
      </c>
      <c r="P32" s="632" t="s">
        <v>345</v>
      </c>
    </row>
    <row r="33" spans="1:16" s="16" customFormat="1" ht="20.100000000000001" customHeight="1" x14ac:dyDescent="0.15">
      <c r="A33" s="17" t="s">
        <v>30</v>
      </c>
      <c r="B33" s="18">
        <v>23</v>
      </c>
      <c r="C33" s="19">
        <v>23</v>
      </c>
      <c r="D33" s="13">
        <v>23</v>
      </c>
      <c r="E33" s="19">
        <v>7</v>
      </c>
      <c r="F33" s="14">
        <v>0.30434782608695654</v>
      </c>
      <c r="G33" s="19">
        <v>23</v>
      </c>
      <c r="H33" s="19">
        <v>23</v>
      </c>
      <c r="I33" s="13">
        <v>23</v>
      </c>
      <c r="J33" s="19">
        <v>7</v>
      </c>
      <c r="K33" s="14">
        <v>0.30434782608695654</v>
      </c>
      <c r="L33" s="19">
        <v>0</v>
      </c>
      <c r="M33" s="19">
        <v>0</v>
      </c>
      <c r="N33" s="13">
        <v>0</v>
      </c>
      <c r="O33" s="19">
        <v>0</v>
      </c>
      <c r="P33" s="632" t="s">
        <v>345</v>
      </c>
    </row>
    <row r="34" spans="1:16" s="16" customFormat="1" ht="20.100000000000001" customHeight="1" thickBot="1" x14ac:dyDescent="0.2">
      <c r="A34" s="51" t="s">
        <v>31</v>
      </c>
      <c r="B34" s="11">
        <v>23</v>
      </c>
      <c r="C34" s="46">
        <v>22</v>
      </c>
      <c r="D34" s="47">
        <v>22.5</v>
      </c>
      <c r="E34" s="46">
        <v>1</v>
      </c>
      <c r="F34" s="48">
        <v>4.4444444444444446E-2</v>
      </c>
      <c r="G34" s="19">
        <v>22</v>
      </c>
      <c r="H34" s="19">
        <v>21</v>
      </c>
      <c r="I34" s="47">
        <v>21.5</v>
      </c>
      <c r="J34" s="19">
        <v>1</v>
      </c>
      <c r="K34" s="48">
        <v>4.6511627906976744E-2</v>
      </c>
      <c r="L34" s="19">
        <v>1</v>
      </c>
      <c r="M34" s="19">
        <v>1</v>
      </c>
      <c r="N34" s="47">
        <v>1</v>
      </c>
      <c r="O34" s="19">
        <v>0</v>
      </c>
      <c r="P34" s="62">
        <v>0</v>
      </c>
    </row>
    <row r="35" spans="1:16" s="328" customFormat="1" ht="20.100000000000001" customHeight="1" thickTop="1" thickBot="1" x14ac:dyDescent="0.2">
      <c r="A35" s="322" t="s">
        <v>12</v>
      </c>
      <c r="B35" s="323">
        <v>154</v>
      </c>
      <c r="C35" s="324">
        <v>140</v>
      </c>
      <c r="D35" s="325">
        <v>147</v>
      </c>
      <c r="E35" s="326">
        <v>27</v>
      </c>
      <c r="F35" s="327">
        <v>0.18367346938775511</v>
      </c>
      <c r="G35" s="323">
        <v>149</v>
      </c>
      <c r="H35" s="324">
        <v>135</v>
      </c>
      <c r="I35" s="325">
        <v>142</v>
      </c>
      <c r="J35" s="326">
        <v>26</v>
      </c>
      <c r="K35" s="327">
        <v>0.18309859154929578</v>
      </c>
      <c r="L35" s="323">
        <v>5</v>
      </c>
      <c r="M35" s="324">
        <v>5</v>
      </c>
      <c r="N35" s="325">
        <v>5</v>
      </c>
      <c r="O35" s="326">
        <v>1</v>
      </c>
      <c r="P35" s="327">
        <v>0.2</v>
      </c>
    </row>
    <row r="36" spans="1:16" ht="20.100000000000001" customHeight="1" x14ac:dyDescent="0.15">
      <c r="G36" s="4"/>
      <c r="H36" s="4"/>
      <c r="I36" s="4"/>
      <c r="J36" s="4"/>
      <c r="K36" s="4"/>
      <c r="L36" s="4"/>
      <c r="M36" s="4"/>
      <c r="N36" s="4"/>
      <c r="O36" s="4"/>
    </row>
  </sheetData>
  <mergeCells count="12">
    <mergeCell ref="A25:A26"/>
    <mergeCell ref="B25:F25"/>
    <mergeCell ref="G25:K25"/>
    <mergeCell ref="L25:P25"/>
    <mergeCell ref="A5:A6"/>
    <mergeCell ref="B5:F5"/>
    <mergeCell ref="G5:K5"/>
    <mergeCell ref="L5:P5"/>
    <mergeCell ref="A16:A17"/>
    <mergeCell ref="B16:F16"/>
    <mergeCell ref="G16:K16"/>
    <mergeCell ref="L16:P16"/>
  </mergeCells>
  <phoneticPr fontId="1"/>
  <printOptions horizontalCentered="1"/>
  <pageMargins left="0.23622047244094491" right="0.23622047244094491" top="0.74803149606299213" bottom="0.74803149606299213" header="0.31496062992125984" footer="0.31496062992125984"/>
  <pageSetup paperSize="9" scale="56" orientation="landscape" r:id="rId1"/>
  <headerFooter>
    <oddFooter>&amp;C&amp;P</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7"/>
  <sheetViews>
    <sheetView view="pageBreakPreview" zoomScale="80" zoomScaleNormal="100" zoomScaleSheetLayoutView="80" zoomScalePageLayoutView="75" workbookViewId="0"/>
  </sheetViews>
  <sheetFormatPr defaultColWidth="14.625" defaultRowHeight="20.100000000000001" customHeight="1" x14ac:dyDescent="0.15"/>
  <cols>
    <col min="1" max="16384" width="14.625" style="84"/>
  </cols>
  <sheetData>
    <row r="1" spans="1:8" ht="20.100000000000001" customHeight="1" x14ac:dyDescent="0.15">
      <c r="A1" s="295" t="s">
        <v>334</v>
      </c>
    </row>
    <row r="2" spans="1:8" ht="20.100000000000001" customHeight="1" x14ac:dyDescent="0.15">
      <c r="A2" s="295" t="s">
        <v>336</v>
      </c>
      <c r="G2" s="86"/>
      <c r="H2" s="87"/>
    </row>
    <row r="3" spans="1:8" ht="20.100000000000001" customHeight="1" x14ac:dyDescent="0.15">
      <c r="A3" s="85"/>
      <c r="G3" s="86"/>
      <c r="H3" s="87"/>
    </row>
    <row r="4" spans="1:8" ht="20.100000000000001" customHeight="1" thickBot="1" x14ac:dyDescent="0.2">
      <c r="A4" s="84" t="s">
        <v>201</v>
      </c>
      <c r="D4" s="87" t="s">
        <v>229</v>
      </c>
      <c r="E4" s="87"/>
      <c r="F4" s="87"/>
      <c r="G4" s="87"/>
      <c r="H4" s="87"/>
    </row>
    <row r="5" spans="1:8" ht="20.100000000000001" customHeight="1" x14ac:dyDescent="0.15">
      <c r="A5" s="667" t="s">
        <v>8</v>
      </c>
      <c r="B5" s="669" t="s">
        <v>32</v>
      </c>
      <c r="C5" s="670"/>
      <c r="D5" s="669" t="s">
        <v>33</v>
      </c>
      <c r="E5" s="670"/>
      <c r="F5" s="669" t="s">
        <v>34</v>
      </c>
      <c r="G5" s="671"/>
      <c r="H5" s="665" t="s">
        <v>202</v>
      </c>
    </row>
    <row r="6" spans="1:8" ht="20.100000000000001" customHeight="1" thickBot="1" x14ac:dyDescent="0.2">
      <c r="A6" s="668"/>
      <c r="B6" s="82" t="s">
        <v>199</v>
      </c>
      <c r="C6" s="83" t="s">
        <v>200</v>
      </c>
      <c r="D6" s="82" t="s">
        <v>199</v>
      </c>
      <c r="E6" s="83" t="s">
        <v>200</v>
      </c>
      <c r="F6" s="82" t="s">
        <v>199</v>
      </c>
      <c r="G6" s="83" t="s">
        <v>200</v>
      </c>
      <c r="H6" s="666"/>
    </row>
    <row r="7" spans="1:8" ht="20.100000000000001" customHeight="1" thickTop="1" x14ac:dyDescent="0.15">
      <c r="A7" s="88" t="s">
        <v>142</v>
      </c>
      <c r="B7" s="364">
        <v>899</v>
      </c>
      <c r="C7" s="365">
        <v>96</v>
      </c>
      <c r="D7" s="366">
        <v>658</v>
      </c>
      <c r="E7" s="367">
        <v>10</v>
      </c>
      <c r="F7" s="368">
        <v>241</v>
      </c>
      <c r="G7" s="369">
        <v>86</v>
      </c>
      <c r="H7" s="370">
        <v>995</v>
      </c>
    </row>
    <row r="8" spans="1:8" ht="20.100000000000001" customHeight="1" x14ac:dyDescent="0.15">
      <c r="A8" s="89" t="s">
        <v>9</v>
      </c>
      <c r="B8" s="364">
        <v>2049</v>
      </c>
      <c r="C8" s="365">
        <v>193</v>
      </c>
      <c r="D8" s="371">
        <v>1547</v>
      </c>
      <c r="E8" s="372">
        <v>33</v>
      </c>
      <c r="F8" s="364">
        <v>502</v>
      </c>
      <c r="G8" s="369">
        <v>160</v>
      </c>
      <c r="H8" s="370">
        <v>2242</v>
      </c>
    </row>
    <row r="9" spans="1:8" s="91" customFormat="1" ht="20.100000000000001" customHeight="1" x14ac:dyDescent="0.15">
      <c r="A9" s="90" t="s">
        <v>10</v>
      </c>
      <c r="B9" s="373">
        <v>1515</v>
      </c>
      <c r="C9" s="374">
        <v>213</v>
      </c>
      <c r="D9" s="375">
        <v>1105</v>
      </c>
      <c r="E9" s="376">
        <v>111</v>
      </c>
      <c r="F9" s="373">
        <v>410</v>
      </c>
      <c r="G9" s="377">
        <v>102</v>
      </c>
      <c r="H9" s="378">
        <v>1728</v>
      </c>
    </row>
    <row r="10" spans="1:8" s="91" customFormat="1" ht="20.100000000000001" customHeight="1" x14ac:dyDescent="0.15">
      <c r="A10" s="90" t="s">
        <v>143</v>
      </c>
      <c r="B10" s="373">
        <v>983</v>
      </c>
      <c r="C10" s="374">
        <v>126</v>
      </c>
      <c r="D10" s="375">
        <v>644</v>
      </c>
      <c r="E10" s="376">
        <v>53</v>
      </c>
      <c r="F10" s="373">
        <v>339</v>
      </c>
      <c r="G10" s="377">
        <v>73</v>
      </c>
      <c r="H10" s="378">
        <v>1109</v>
      </c>
    </row>
    <row r="11" spans="1:8" s="91" customFormat="1" ht="20.100000000000001" customHeight="1" x14ac:dyDescent="0.15">
      <c r="A11" s="90" t="s">
        <v>144</v>
      </c>
      <c r="B11" s="373">
        <v>727</v>
      </c>
      <c r="C11" s="374">
        <v>235</v>
      </c>
      <c r="D11" s="375">
        <v>373</v>
      </c>
      <c r="E11" s="376">
        <v>61</v>
      </c>
      <c r="F11" s="373">
        <v>354</v>
      </c>
      <c r="G11" s="377">
        <v>174</v>
      </c>
      <c r="H11" s="378">
        <v>962</v>
      </c>
    </row>
    <row r="12" spans="1:8" s="91" customFormat="1" ht="20.100000000000001" customHeight="1" thickBot="1" x14ac:dyDescent="0.2">
      <c r="A12" s="92" t="s">
        <v>11</v>
      </c>
      <c r="B12" s="379">
        <v>1385</v>
      </c>
      <c r="C12" s="380">
        <v>440</v>
      </c>
      <c r="D12" s="375">
        <v>866</v>
      </c>
      <c r="E12" s="381">
        <v>238</v>
      </c>
      <c r="F12" s="379">
        <v>519</v>
      </c>
      <c r="G12" s="382">
        <v>202</v>
      </c>
      <c r="H12" s="383">
        <v>1825</v>
      </c>
    </row>
    <row r="13" spans="1:8" ht="20.100000000000001" customHeight="1" thickTop="1" thickBot="1" x14ac:dyDescent="0.2">
      <c r="A13" s="93" t="s">
        <v>58</v>
      </c>
      <c r="B13" s="384">
        <v>7558</v>
      </c>
      <c r="C13" s="385">
        <v>1303</v>
      </c>
      <c r="D13" s="386">
        <v>5193</v>
      </c>
      <c r="E13" s="387">
        <v>506</v>
      </c>
      <c r="F13" s="388">
        <v>2365</v>
      </c>
      <c r="G13" s="389">
        <v>797</v>
      </c>
      <c r="H13" s="390">
        <v>8861</v>
      </c>
    </row>
    <row r="15" spans="1:8" ht="20.100000000000001" customHeight="1" thickBot="1" x14ac:dyDescent="0.2">
      <c r="A15" s="84" t="s">
        <v>145</v>
      </c>
      <c r="D15" s="84" t="s">
        <v>229</v>
      </c>
    </row>
    <row r="16" spans="1:8" s="87" customFormat="1" ht="20.100000000000001" customHeight="1" x14ac:dyDescent="0.15">
      <c r="A16" s="667" t="s">
        <v>39</v>
      </c>
      <c r="B16" s="669" t="s">
        <v>32</v>
      </c>
      <c r="C16" s="670"/>
      <c r="D16" s="669" t="s">
        <v>33</v>
      </c>
      <c r="E16" s="670"/>
      <c r="F16" s="669" t="s">
        <v>34</v>
      </c>
      <c r="G16" s="671"/>
      <c r="H16" s="665" t="s">
        <v>203</v>
      </c>
    </row>
    <row r="17" spans="1:9" s="87" customFormat="1" ht="20.100000000000001" customHeight="1" thickBot="1" x14ac:dyDescent="0.2">
      <c r="A17" s="668"/>
      <c r="B17" s="82" t="s">
        <v>199</v>
      </c>
      <c r="C17" s="83" t="s">
        <v>200</v>
      </c>
      <c r="D17" s="82" t="s">
        <v>199</v>
      </c>
      <c r="E17" s="83" t="s">
        <v>200</v>
      </c>
      <c r="F17" s="82" t="s">
        <v>199</v>
      </c>
      <c r="G17" s="83" t="s">
        <v>200</v>
      </c>
      <c r="H17" s="666"/>
    </row>
    <row r="18" spans="1:9" s="91" customFormat="1" ht="20.100000000000001" customHeight="1" thickTop="1" x14ac:dyDescent="0.15">
      <c r="A18" s="94" t="s">
        <v>40</v>
      </c>
      <c r="B18" s="391">
        <v>2783</v>
      </c>
      <c r="C18" s="392">
        <v>695</v>
      </c>
      <c r="D18" s="374">
        <v>1925</v>
      </c>
      <c r="E18" s="374">
        <v>207</v>
      </c>
      <c r="F18" s="391">
        <v>858</v>
      </c>
      <c r="G18" s="377">
        <v>488</v>
      </c>
      <c r="H18" s="378">
        <v>3478</v>
      </c>
    </row>
    <row r="19" spans="1:9" ht="20.100000000000001" customHeight="1" x14ac:dyDescent="0.15">
      <c r="A19" s="89" t="s">
        <v>41</v>
      </c>
      <c r="B19" s="364">
        <v>919</v>
      </c>
      <c r="C19" s="372">
        <v>133</v>
      </c>
      <c r="D19" s="365">
        <v>537</v>
      </c>
      <c r="E19" s="365">
        <v>60</v>
      </c>
      <c r="F19" s="364">
        <v>382</v>
      </c>
      <c r="G19" s="369">
        <v>73</v>
      </c>
      <c r="H19" s="370">
        <v>1052</v>
      </c>
    </row>
    <row r="20" spans="1:9" s="91" customFormat="1" ht="20.100000000000001" customHeight="1" x14ac:dyDescent="0.15">
      <c r="A20" s="90" t="s">
        <v>42</v>
      </c>
      <c r="B20" s="373">
        <v>919</v>
      </c>
      <c r="C20" s="376">
        <v>176</v>
      </c>
      <c r="D20" s="374">
        <v>748</v>
      </c>
      <c r="E20" s="374">
        <v>117</v>
      </c>
      <c r="F20" s="373">
        <v>171</v>
      </c>
      <c r="G20" s="377">
        <v>59</v>
      </c>
      <c r="H20" s="378">
        <v>1095</v>
      </c>
    </row>
    <row r="21" spans="1:9" s="91" customFormat="1" ht="20.100000000000001" customHeight="1" x14ac:dyDescent="0.15">
      <c r="A21" s="90" t="s">
        <v>43</v>
      </c>
      <c r="B21" s="373">
        <v>523</v>
      </c>
      <c r="C21" s="376">
        <v>90</v>
      </c>
      <c r="D21" s="374">
        <v>407</v>
      </c>
      <c r="E21" s="374">
        <v>30</v>
      </c>
      <c r="F21" s="373">
        <v>116</v>
      </c>
      <c r="G21" s="377">
        <v>60</v>
      </c>
      <c r="H21" s="378">
        <v>613</v>
      </c>
    </row>
    <row r="22" spans="1:9" s="91" customFormat="1" ht="20.100000000000001" customHeight="1" x14ac:dyDescent="0.15">
      <c r="A22" s="90" t="s">
        <v>44</v>
      </c>
      <c r="B22" s="373">
        <v>516</v>
      </c>
      <c r="C22" s="376">
        <v>34</v>
      </c>
      <c r="D22" s="374">
        <v>341</v>
      </c>
      <c r="E22" s="374">
        <v>2</v>
      </c>
      <c r="F22" s="373">
        <v>175</v>
      </c>
      <c r="G22" s="377">
        <v>32</v>
      </c>
      <c r="H22" s="378">
        <v>550</v>
      </c>
    </row>
    <row r="23" spans="1:9" s="91" customFormat="1" ht="20.100000000000001" customHeight="1" x14ac:dyDescent="0.15">
      <c r="A23" s="90" t="s">
        <v>45</v>
      </c>
      <c r="B23" s="373">
        <v>567</v>
      </c>
      <c r="C23" s="376">
        <v>82</v>
      </c>
      <c r="D23" s="374">
        <v>390</v>
      </c>
      <c r="E23" s="374">
        <v>27</v>
      </c>
      <c r="F23" s="373">
        <v>177</v>
      </c>
      <c r="G23" s="377">
        <v>55</v>
      </c>
      <c r="H23" s="378">
        <v>649</v>
      </c>
    </row>
    <row r="24" spans="1:9" ht="20.100000000000001" customHeight="1" x14ac:dyDescent="0.15">
      <c r="A24" s="89" t="s">
        <v>46</v>
      </c>
      <c r="B24" s="364">
        <v>760</v>
      </c>
      <c r="C24" s="365">
        <v>63</v>
      </c>
      <c r="D24" s="364">
        <v>480</v>
      </c>
      <c r="E24" s="365">
        <v>45</v>
      </c>
      <c r="F24" s="364">
        <v>280</v>
      </c>
      <c r="G24" s="369">
        <v>18</v>
      </c>
      <c r="H24" s="370">
        <v>823</v>
      </c>
    </row>
    <row r="25" spans="1:9" ht="20.100000000000001" customHeight="1" thickBot="1" x14ac:dyDescent="0.2">
      <c r="A25" s="95" t="s">
        <v>47</v>
      </c>
      <c r="B25" s="393">
        <v>571</v>
      </c>
      <c r="C25" s="394">
        <v>30</v>
      </c>
      <c r="D25" s="393">
        <v>365</v>
      </c>
      <c r="E25" s="365">
        <v>18</v>
      </c>
      <c r="F25" s="393">
        <v>206</v>
      </c>
      <c r="G25" s="395">
        <v>12</v>
      </c>
      <c r="H25" s="396">
        <v>601</v>
      </c>
    </row>
    <row r="26" spans="1:9" ht="20.100000000000001" customHeight="1" thickTop="1" thickBot="1" x14ac:dyDescent="0.2">
      <c r="A26" s="96" t="s">
        <v>12</v>
      </c>
      <c r="B26" s="388">
        <v>7558</v>
      </c>
      <c r="C26" s="397">
        <v>1303</v>
      </c>
      <c r="D26" s="388">
        <v>5193</v>
      </c>
      <c r="E26" s="398">
        <v>506</v>
      </c>
      <c r="F26" s="399">
        <v>2365</v>
      </c>
      <c r="G26" s="400">
        <v>797</v>
      </c>
      <c r="H26" s="390">
        <v>8861</v>
      </c>
    </row>
    <row r="28" spans="1:9" ht="20.100000000000001" customHeight="1" thickBot="1" x14ac:dyDescent="0.2">
      <c r="A28" s="84" t="s">
        <v>146</v>
      </c>
      <c r="D28" s="84" t="s">
        <v>229</v>
      </c>
    </row>
    <row r="29" spans="1:9" ht="20.100000000000001" customHeight="1" x14ac:dyDescent="0.15">
      <c r="A29" s="672" t="s">
        <v>87</v>
      </c>
      <c r="B29" s="674" t="s">
        <v>231</v>
      </c>
      <c r="C29" s="674" t="s">
        <v>147</v>
      </c>
      <c r="D29" s="670" t="s">
        <v>232</v>
      </c>
      <c r="E29" s="670"/>
      <c r="F29" s="670"/>
      <c r="G29" s="670"/>
      <c r="H29" s="676"/>
    </row>
    <row r="30" spans="1:9" s="87" customFormat="1" ht="20.100000000000001" customHeight="1" thickBot="1" x14ac:dyDescent="0.2">
      <c r="A30" s="673"/>
      <c r="B30" s="675"/>
      <c r="C30" s="675"/>
      <c r="D30" s="102" t="s">
        <v>78</v>
      </c>
      <c r="E30" s="102" t="s">
        <v>79</v>
      </c>
      <c r="F30" s="102" t="s">
        <v>80</v>
      </c>
      <c r="G30" s="102" t="s">
        <v>0</v>
      </c>
      <c r="H30" s="103" t="s">
        <v>148</v>
      </c>
      <c r="I30" s="298" t="s">
        <v>149</v>
      </c>
    </row>
    <row r="31" spans="1:9" ht="20.100000000000001" customHeight="1" thickTop="1" x14ac:dyDescent="0.15">
      <c r="A31" s="97" t="s">
        <v>98</v>
      </c>
      <c r="B31" s="438">
        <v>52</v>
      </c>
      <c r="C31" s="438">
        <v>43</v>
      </c>
      <c r="D31" s="358" t="s">
        <v>233</v>
      </c>
      <c r="E31" s="358" t="s">
        <v>240</v>
      </c>
      <c r="F31" s="358" t="s">
        <v>247</v>
      </c>
      <c r="G31" s="358" t="s">
        <v>253</v>
      </c>
      <c r="H31" s="361">
        <v>3.5888888888888886</v>
      </c>
    </row>
    <row r="32" spans="1:9" ht="20.100000000000001" customHeight="1" x14ac:dyDescent="0.15">
      <c r="A32" s="98" t="s">
        <v>99</v>
      </c>
      <c r="B32" s="439">
        <v>64</v>
      </c>
      <c r="C32" s="439">
        <v>42</v>
      </c>
      <c r="D32" s="359" t="s">
        <v>234</v>
      </c>
      <c r="E32" s="359" t="s">
        <v>241</v>
      </c>
      <c r="F32" s="359" t="s">
        <v>248</v>
      </c>
      <c r="G32" s="359" t="s">
        <v>254</v>
      </c>
      <c r="H32" s="361">
        <v>5.5454545454545459</v>
      </c>
    </row>
    <row r="33" spans="1:9" ht="20.100000000000001" customHeight="1" x14ac:dyDescent="0.15">
      <c r="A33" s="98" t="s">
        <v>100</v>
      </c>
      <c r="B33" s="439">
        <v>40</v>
      </c>
      <c r="C33" s="439">
        <v>20</v>
      </c>
      <c r="D33" s="359" t="s">
        <v>235</v>
      </c>
      <c r="E33" s="359" t="s">
        <v>242</v>
      </c>
      <c r="F33" s="644" t="s">
        <v>354</v>
      </c>
      <c r="G33" s="359" t="s">
        <v>255</v>
      </c>
      <c r="H33" s="361">
        <v>4.7939999999999996</v>
      </c>
      <c r="I33" s="645" t="s">
        <v>298</v>
      </c>
    </row>
    <row r="34" spans="1:9" ht="20.100000000000001" customHeight="1" x14ac:dyDescent="0.15">
      <c r="A34" s="98" t="s">
        <v>101</v>
      </c>
      <c r="B34" s="439">
        <v>20</v>
      </c>
      <c r="C34" s="439">
        <v>13</v>
      </c>
      <c r="D34" s="359" t="s">
        <v>236</v>
      </c>
      <c r="E34" s="359" t="s">
        <v>243</v>
      </c>
      <c r="F34" s="359" t="s">
        <v>249</v>
      </c>
      <c r="G34" s="359" t="s">
        <v>254</v>
      </c>
      <c r="H34" s="361">
        <v>12.571428571428571</v>
      </c>
    </row>
    <row r="35" spans="1:9" ht="20.100000000000001" customHeight="1" x14ac:dyDescent="0.15">
      <c r="A35" s="98" t="s">
        <v>102</v>
      </c>
      <c r="B35" s="439">
        <v>15</v>
      </c>
      <c r="C35" s="439">
        <v>11</v>
      </c>
      <c r="D35" s="359" t="s">
        <v>237</v>
      </c>
      <c r="E35" s="359" t="s">
        <v>244</v>
      </c>
      <c r="F35" s="359" t="s">
        <v>250</v>
      </c>
      <c r="G35" s="359" t="s">
        <v>256</v>
      </c>
      <c r="H35" s="361">
        <v>9.25</v>
      </c>
    </row>
    <row r="36" spans="1:9" ht="20.100000000000001" customHeight="1" thickBot="1" x14ac:dyDescent="0.2">
      <c r="A36" s="99" t="s">
        <v>11</v>
      </c>
      <c r="B36" s="440">
        <v>19</v>
      </c>
      <c r="C36" s="440">
        <v>6</v>
      </c>
      <c r="D36" s="360" t="s">
        <v>238</v>
      </c>
      <c r="E36" s="360" t="s">
        <v>245</v>
      </c>
      <c r="F36" s="360" t="s">
        <v>251</v>
      </c>
      <c r="G36" s="360" t="s">
        <v>241</v>
      </c>
      <c r="H36" s="362">
        <v>9.4615384615384617</v>
      </c>
    </row>
    <row r="37" spans="1:9" ht="20.100000000000001" customHeight="1" thickTop="1" thickBot="1" x14ac:dyDescent="0.2">
      <c r="A37" s="100" t="s">
        <v>86</v>
      </c>
      <c r="B37" s="442">
        <v>210</v>
      </c>
      <c r="C37" s="441">
        <v>135</v>
      </c>
      <c r="D37" s="101" t="s">
        <v>239</v>
      </c>
      <c r="E37" s="101" t="s">
        <v>246</v>
      </c>
      <c r="F37" s="101" t="s">
        <v>252</v>
      </c>
      <c r="G37" s="101" t="s">
        <v>257</v>
      </c>
      <c r="H37" s="363">
        <v>6.6424000000000003</v>
      </c>
    </row>
  </sheetData>
  <mergeCells count="14">
    <mergeCell ref="A29:A30"/>
    <mergeCell ref="C29:C30"/>
    <mergeCell ref="D29:H29"/>
    <mergeCell ref="A16:A17"/>
    <mergeCell ref="B16:C16"/>
    <mergeCell ref="D16:E16"/>
    <mergeCell ref="F16:G16"/>
    <mergeCell ref="B29:B30"/>
    <mergeCell ref="H5:H6"/>
    <mergeCell ref="H16:H17"/>
    <mergeCell ref="A5:A6"/>
    <mergeCell ref="B5:C5"/>
    <mergeCell ref="D5:E5"/>
    <mergeCell ref="F5:G5"/>
  </mergeCells>
  <phoneticPr fontId="1"/>
  <pageMargins left="0.82677165354330717" right="0.23622047244094491" top="0.74803149606299213" bottom="0.74803149606299213" header="0.31496062992125984" footer="0.31496062992125984"/>
  <pageSetup paperSize="9" scale="68" orientation="landscape" r:id="rId1"/>
  <headerFooter>
    <oddFooter>&amp;C&amp;P</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5"/>
  <sheetViews>
    <sheetView zoomScale="80" zoomScaleNormal="80" zoomScaleSheetLayoutView="75" zoomScalePageLayoutView="50" workbookViewId="0"/>
  </sheetViews>
  <sheetFormatPr defaultColWidth="14.625" defaultRowHeight="20.100000000000001" customHeight="1" x14ac:dyDescent="0.15"/>
  <cols>
    <col min="1" max="3" width="14.625" style="2"/>
    <col min="4" max="4" width="14.625" style="104"/>
    <col min="5" max="16384" width="14.625" style="2"/>
  </cols>
  <sheetData>
    <row r="1" spans="1:10" ht="20.100000000000001" customHeight="1" x14ac:dyDescent="0.15">
      <c r="A1" s="296" t="s">
        <v>259</v>
      </c>
      <c r="E1" s="52"/>
      <c r="F1" s="537"/>
    </row>
    <row r="2" spans="1:10" ht="20.100000000000001" customHeight="1" x14ac:dyDescent="0.15">
      <c r="A2" s="59" t="s">
        <v>48</v>
      </c>
      <c r="E2" s="52"/>
      <c r="F2" s="52"/>
    </row>
    <row r="3" spans="1:10" ht="20.100000000000001" customHeight="1" thickBot="1" x14ac:dyDescent="0.2">
      <c r="A3" s="16" t="s">
        <v>49</v>
      </c>
      <c r="C3" s="52" t="s">
        <v>311</v>
      </c>
      <c r="F3" s="52"/>
    </row>
    <row r="4" spans="1:10" ht="20.100000000000001" customHeight="1" x14ac:dyDescent="0.15">
      <c r="A4" s="660" t="s">
        <v>8</v>
      </c>
      <c r="B4" s="677" t="s">
        <v>32</v>
      </c>
      <c r="C4" s="678"/>
      <c r="D4" s="679"/>
      <c r="E4" s="677" t="s">
        <v>33</v>
      </c>
      <c r="F4" s="678"/>
      <c r="G4" s="679"/>
      <c r="H4" s="677" t="s">
        <v>34</v>
      </c>
      <c r="I4" s="678"/>
      <c r="J4" s="679"/>
    </row>
    <row r="5" spans="1:10" ht="20.100000000000001" customHeight="1" thickBot="1" x14ac:dyDescent="0.2">
      <c r="A5" s="661"/>
      <c r="B5" s="57" t="s">
        <v>206</v>
      </c>
      <c r="C5" s="630" t="s">
        <v>339</v>
      </c>
      <c r="D5" s="58" t="s">
        <v>299</v>
      </c>
      <c r="E5" s="57" t="s">
        <v>206</v>
      </c>
      <c r="F5" s="630" t="s">
        <v>339</v>
      </c>
      <c r="G5" s="58" t="s">
        <v>299</v>
      </c>
      <c r="H5" s="57" t="s">
        <v>206</v>
      </c>
      <c r="I5" s="630" t="s">
        <v>339</v>
      </c>
      <c r="J5" s="58" t="s">
        <v>299</v>
      </c>
    </row>
    <row r="6" spans="1:10" s="16" customFormat="1" ht="20.100000000000001" customHeight="1" thickTop="1" x14ac:dyDescent="0.15">
      <c r="A6" s="10" t="s">
        <v>98</v>
      </c>
      <c r="B6" s="105">
        <v>58</v>
      </c>
      <c r="C6" s="12">
        <v>13</v>
      </c>
      <c r="D6" s="106">
        <v>0.22413793103448276</v>
      </c>
      <c r="E6" s="11">
        <v>58</v>
      </c>
      <c r="F6" s="12">
        <v>13</v>
      </c>
      <c r="G6" s="106">
        <v>0.22413793103448276</v>
      </c>
      <c r="H6" s="76">
        <v>0</v>
      </c>
      <c r="I6" s="107">
        <v>0</v>
      </c>
      <c r="J6" s="56" t="s">
        <v>344</v>
      </c>
    </row>
    <row r="7" spans="1:10" s="16" customFormat="1" ht="20.100000000000001" customHeight="1" x14ac:dyDescent="0.15">
      <c r="A7" s="17" t="s">
        <v>99</v>
      </c>
      <c r="B7" s="18">
        <v>217</v>
      </c>
      <c r="C7" s="19">
        <v>34</v>
      </c>
      <c r="D7" s="106">
        <v>0.15668202764976957</v>
      </c>
      <c r="E7" s="18">
        <v>217</v>
      </c>
      <c r="F7" s="19">
        <v>34</v>
      </c>
      <c r="G7" s="108">
        <v>0.15668202764976957</v>
      </c>
      <c r="H7" s="109">
        <v>0</v>
      </c>
      <c r="I7" s="110">
        <v>0</v>
      </c>
      <c r="J7" s="56" t="s">
        <v>344</v>
      </c>
    </row>
    <row r="8" spans="1:10" s="16" customFormat="1" ht="20.100000000000001" customHeight="1" x14ac:dyDescent="0.15">
      <c r="A8" s="17" t="s">
        <v>100</v>
      </c>
      <c r="B8" s="18">
        <v>335</v>
      </c>
      <c r="C8" s="19">
        <v>34</v>
      </c>
      <c r="D8" s="106">
        <v>0.10149253731343283</v>
      </c>
      <c r="E8" s="18">
        <v>333</v>
      </c>
      <c r="F8" s="19">
        <v>32</v>
      </c>
      <c r="G8" s="108">
        <v>9.6096096096096095E-2</v>
      </c>
      <c r="H8" s="109">
        <v>2</v>
      </c>
      <c r="I8" s="110">
        <v>2</v>
      </c>
      <c r="J8" s="106">
        <v>1</v>
      </c>
    </row>
    <row r="9" spans="1:10" s="16" customFormat="1" ht="20.100000000000001" customHeight="1" x14ac:dyDescent="0.15">
      <c r="A9" s="17" t="s">
        <v>101</v>
      </c>
      <c r="B9" s="18">
        <v>357</v>
      </c>
      <c r="C9" s="19">
        <v>32</v>
      </c>
      <c r="D9" s="106">
        <v>8.9635854341736695E-2</v>
      </c>
      <c r="E9" s="18">
        <v>357</v>
      </c>
      <c r="F9" s="19">
        <v>32</v>
      </c>
      <c r="G9" s="108">
        <v>8.9635854341736695E-2</v>
      </c>
      <c r="H9" s="109">
        <v>0</v>
      </c>
      <c r="I9" s="110">
        <v>0</v>
      </c>
      <c r="J9" s="56" t="s">
        <v>344</v>
      </c>
    </row>
    <row r="10" spans="1:10" s="16" customFormat="1" ht="20.100000000000001" customHeight="1" x14ac:dyDescent="0.15">
      <c r="A10" s="17" t="s">
        <v>102</v>
      </c>
      <c r="B10" s="18">
        <v>500</v>
      </c>
      <c r="C10" s="19">
        <v>58</v>
      </c>
      <c r="D10" s="106">
        <v>0.11600000000000001</v>
      </c>
      <c r="E10" s="18">
        <v>500</v>
      </c>
      <c r="F10" s="19">
        <v>58</v>
      </c>
      <c r="G10" s="108">
        <v>0.11600000000000001</v>
      </c>
      <c r="H10" s="109">
        <v>0</v>
      </c>
      <c r="I10" s="110">
        <v>0</v>
      </c>
      <c r="J10" s="56" t="s">
        <v>344</v>
      </c>
    </row>
    <row r="11" spans="1:10" s="16" customFormat="1" ht="20.100000000000001" customHeight="1" thickBot="1" x14ac:dyDescent="0.2">
      <c r="A11" s="51" t="s">
        <v>11</v>
      </c>
      <c r="B11" s="45">
        <v>1489</v>
      </c>
      <c r="C11" s="46">
        <v>138</v>
      </c>
      <c r="D11" s="111">
        <v>9.2679650772330424E-2</v>
      </c>
      <c r="E11" s="45">
        <v>1488</v>
      </c>
      <c r="F11" s="46">
        <v>138</v>
      </c>
      <c r="G11" s="111">
        <v>9.2741935483870969E-2</v>
      </c>
      <c r="H11" s="65">
        <v>1</v>
      </c>
      <c r="I11" s="112">
        <v>0</v>
      </c>
      <c r="J11" s="106">
        <v>0</v>
      </c>
    </row>
    <row r="12" spans="1:10" ht="20.100000000000001" customHeight="1" thickTop="1" thickBot="1" x14ac:dyDescent="0.2">
      <c r="A12" s="114" t="s">
        <v>16</v>
      </c>
      <c r="B12" s="115">
        <v>2956</v>
      </c>
      <c r="C12" s="116">
        <v>309</v>
      </c>
      <c r="D12" s="67">
        <v>0.10453315290933694</v>
      </c>
      <c r="E12" s="117">
        <v>2953</v>
      </c>
      <c r="F12" s="117">
        <v>307</v>
      </c>
      <c r="G12" s="118">
        <v>0.10396207246867592</v>
      </c>
      <c r="H12" s="119">
        <v>3</v>
      </c>
      <c r="I12" s="120">
        <v>2</v>
      </c>
      <c r="J12" s="67">
        <v>0.66666666666666663</v>
      </c>
    </row>
    <row r="14" spans="1:10" ht="20.100000000000001" customHeight="1" thickBot="1" x14ac:dyDescent="0.2">
      <c r="A14" s="16" t="s">
        <v>50</v>
      </c>
    </row>
    <row r="15" spans="1:10" s="5" customFormat="1" ht="20.100000000000001" customHeight="1" x14ac:dyDescent="0.15">
      <c r="A15" s="660" t="s">
        <v>207</v>
      </c>
      <c r="B15" s="677" t="s">
        <v>32</v>
      </c>
      <c r="C15" s="678"/>
      <c r="D15" s="679"/>
      <c r="E15" s="677" t="s">
        <v>33</v>
      </c>
      <c r="F15" s="678"/>
      <c r="G15" s="679"/>
      <c r="H15" s="677" t="s">
        <v>34</v>
      </c>
      <c r="I15" s="678"/>
      <c r="J15" s="679"/>
    </row>
    <row r="16" spans="1:10" s="5" customFormat="1" ht="20.100000000000001" customHeight="1" thickBot="1" x14ac:dyDescent="0.2">
      <c r="A16" s="661"/>
      <c r="B16" s="57" t="s">
        <v>206</v>
      </c>
      <c r="C16" s="630" t="s">
        <v>339</v>
      </c>
      <c r="D16" s="58" t="s">
        <v>299</v>
      </c>
      <c r="E16" s="57" t="s">
        <v>206</v>
      </c>
      <c r="F16" s="630" t="s">
        <v>339</v>
      </c>
      <c r="G16" s="58" t="s">
        <v>299</v>
      </c>
      <c r="H16" s="57" t="s">
        <v>206</v>
      </c>
      <c r="I16" s="630" t="s">
        <v>339</v>
      </c>
      <c r="J16" s="58" t="s">
        <v>299</v>
      </c>
    </row>
    <row r="17" spans="1:10" ht="20.100000000000001" customHeight="1" thickTop="1" x14ac:dyDescent="0.15">
      <c r="A17" s="34" t="s">
        <v>35</v>
      </c>
      <c r="B17" s="35">
        <v>22</v>
      </c>
      <c r="C17" s="36">
        <v>1</v>
      </c>
      <c r="D17" s="62">
        <v>4.5454545454545456E-2</v>
      </c>
      <c r="E17" s="11">
        <v>22</v>
      </c>
      <c r="F17" s="12">
        <v>1</v>
      </c>
      <c r="G17" s="75">
        <v>4.5454545454545456E-2</v>
      </c>
      <c r="H17" s="76">
        <v>0</v>
      </c>
      <c r="I17" s="107">
        <v>0</v>
      </c>
      <c r="J17" s="54" t="s">
        <v>344</v>
      </c>
    </row>
    <row r="18" spans="1:10" ht="20.100000000000001" customHeight="1" x14ac:dyDescent="0.15">
      <c r="A18" s="39" t="s">
        <v>36</v>
      </c>
      <c r="B18" s="121">
        <v>97</v>
      </c>
      <c r="C18" s="122">
        <v>6</v>
      </c>
      <c r="D18" s="62">
        <v>6.1855670103092786E-2</v>
      </c>
      <c r="E18" s="18">
        <v>97</v>
      </c>
      <c r="F18" s="19">
        <v>6</v>
      </c>
      <c r="G18" s="75">
        <v>6.1855670103092786E-2</v>
      </c>
      <c r="H18" s="109">
        <v>0</v>
      </c>
      <c r="I18" s="110">
        <v>0</v>
      </c>
      <c r="J18" s="54" t="s">
        <v>344</v>
      </c>
    </row>
    <row r="19" spans="1:10" ht="20.100000000000001" customHeight="1" x14ac:dyDescent="0.15">
      <c r="A19" s="39" t="s">
        <v>37</v>
      </c>
      <c r="B19" s="121">
        <v>2810</v>
      </c>
      <c r="C19" s="122">
        <v>295</v>
      </c>
      <c r="D19" s="62">
        <v>0.10498220640569395</v>
      </c>
      <c r="E19" s="18">
        <v>2807</v>
      </c>
      <c r="F19" s="19">
        <v>293</v>
      </c>
      <c r="G19" s="75">
        <v>0.10438190238688992</v>
      </c>
      <c r="H19" s="109">
        <v>3</v>
      </c>
      <c r="I19" s="110">
        <v>2</v>
      </c>
      <c r="J19" s="62">
        <v>0.66666666666666663</v>
      </c>
    </row>
    <row r="20" spans="1:10" ht="20.100000000000001" customHeight="1" thickBot="1" x14ac:dyDescent="0.2">
      <c r="A20" s="40" t="s">
        <v>38</v>
      </c>
      <c r="B20" s="41">
        <v>27</v>
      </c>
      <c r="C20" s="42">
        <v>7</v>
      </c>
      <c r="D20" s="64">
        <v>0.25925925925925924</v>
      </c>
      <c r="E20" s="45">
        <v>27</v>
      </c>
      <c r="F20" s="46">
        <v>7</v>
      </c>
      <c r="G20" s="124">
        <v>0.25925925925925924</v>
      </c>
      <c r="H20" s="65">
        <v>0</v>
      </c>
      <c r="I20" s="112">
        <v>0</v>
      </c>
      <c r="J20" s="54" t="s">
        <v>344</v>
      </c>
    </row>
    <row r="21" spans="1:10" s="16" customFormat="1" ht="20.100000000000001" customHeight="1" thickTop="1" thickBot="1" x14ac:dyDescent="0.2">
      <c r="A21" s="28" t="s">
        <v>16</v>
      </c>
      <c r="B21" s="29">
        <v>2956</v>
      </c>
      <c r="C21" s="30">
        <v>309</v>
      </c>
      <c r="D21" s="126">
        <v>0.10453315290933694</v>
      </c>
      <c r="E21" s="29">
        <v>2953</v>
      </c>
      <c r="F21" s="30">
        <v>307</v>
      </c>
      <c r="G21" s="74">
        <v>0.10396207246867592</v>
      </c>
      <c r="H21" s="68">
        <v>3</v>
      </c>
      <c r="I21" s="69">
        <v>2</v>
      </c>
      <c r="J21" s="126">
        <v>0.66666666666666663</v>
      </c>
    </row>
    <row r="23" spans="1:10" ht="20.100000000000001" customHeight="1" thickBot="1" x14ac:dyDescent="0.2">
      <c r="A23" s="16" t="s">
        <v>51</v>
      </c>
    </row>
    <row r="24" spans="1:10" s="5" customFormat="1" ht="20.100000000000001" customHeight="1" x14ac:dyDescent="0.15">
      <c r="A24" s="660" t="s">
        <v>39</v>
      </c>
      <c r="B24" s="677" t="s">
        <v>32</v>
      </c>
      <c r="C24" s="678"/>
      <c r="D24" s="679"/>
      <c r="E24" s="677" t="s">
        <v>33</v>
      </c>
      <c r="F24" s="678"/>
      <c r="G24" s="679"/>
      <c r="H24" s="677" t="s">
        <v>34</v>
      </c>
      <c r="I24" s="678"/>
      <c r="J24" s="679"/>
    </row>
    <row r="25" spans="1:10" s="5" customFormat="1" ht="20.100000000000001" customHeight="1" thickBot="1" x14ac:dyDescent="0.2">
      <c r="A25" s="661"/>
      <c r="B25" s="57" t="s">
        <v>206</v>
      </c>
      <c r="C25" s="630" t="s">
        <v>339</v>
      </c>
      <c r="D25" s="58" t="s">
        <v>299</v>
      </c>
      <c r="E25" s="57" t="s">
        <v>206</v>
      </c>
      <c r="F25" s="630" t="s">
        <v>339</v>
      </c>
      <c r="G25" s="58" t="s">
        <v>299</v>
      </c>
      <c r="H25" s="57" t="s">
        <v>206</v>
      </c>
      <c r="I25" s="630" t="s">
        <v>339</v>
      </c>
      <c r="J25" s="58" t="s">
        <v>299</v>
      </c>
    </row>
    <row r="26" spans="1:10" ht="20.100000000000001" customHeight="1" thickTop="1" x14ac:dyDescent="0.15">
      <c r="A26" s="34" t="s">
        <v>40</v>
      </c>
      <c r="B26" s="35">
        <v>1278</v>
      </c>
      <c r="C26" s="36">
        <v>151</v>
      </c>
      <c r="D26" s="62">
        <v>0.11815336463223787</v>
      </c>
      <c r="E26" s="35">
        <v>1278</v>
      </c>
      <c r="F26" s="36">
        <v>151</v>
      </c>
      <c r="G26" s="70">
        <v>0.11815336463223787</v>
      </c>
      <c r="H26" s="63">
        <v>0</v>
      </c>
      <c r="I26" s="127">
        <v>0</v>
      </c>
      <c r="J26" s="54" t="s">
        <v>344</v>
      </c>
    </row>
    <row r="27" spans="1:10" ht="20.100000000000001" customHeight="1" x14ac:dyDescent="0.15">
      <c r="A27" s="39" t="s">
        <v>41</v>
      </c>
      <c r="B27" s="121">
        <v>613</v>
      </c>
      <c r="C27" s="122">
        <v>70</v>
      </c>
      <c r="D27" s="62">
        <v>0.11419249592169657</v>
      </c>
      <c r="E27" s="121">
        <v>612</v>
      </c>
      <c r="F27" s="122">
        <v>70</v>
      </c>
      <c r="G27" s="128">
        <v>0.11437908496732026</v>
      </c>
      <c r="H27" s="129">
        <v>1</v>
      </c>
      <c r="I27" s="130">
        <v>0</v>
      </c>
      <c r="J27" s="62">
        <v>0</v>
      </c>
    </row>
    <row r="28" spans="1:10" ht="20.100000000000001" customHeight="1" x14ac:dyDescent="0.15">
      <c r="A28" s="39" t="s">
        <v>42</v>
      </c>
      <c r="B28" s="121">
        <v>267</v>
      </c>
      <c r="C28" s="122">
        <v>23</v>
      </c>
      <c r="D28" s="62">
        <v>8.6142322097378279E-2</v>
      </c>
      <c r="E28" s="121">
        <v>267</v>
      </c>
      <c r="F28" s="122">
        <v>23</v>
      </c>
      <c r="G28" s="70">
        <v>8.6142322097378279E-2</v>
      </c>
      <c r="H28" s="129">
        <v>0</v>
      </c>
      <c r="I28" s="130">
        <v>0</v>
      </c>
      <c r="J28" s="54" t="s">
        <v>344</v>
      </c>
    </row>
    <row r="29" spans="1:10" ht="20.100000000000001" customHeight="1" x14ac:dyDescent="0.15">
      <c r="A29" s="39" t="s">
        <v>43</v>
      </c>
      <c r="B29" s="121">
        <v>152</v>
      </c>
      <c r="C29" s="122">
        <v>17</v>
      </c>
      <c r="D29" s="62">
        <v>0.1118421052631579</v>
      </c>
      <c r="E29" s="121">
        <v>152</v>
      </c>
      <c r="F29" s="122">
        <v>17</v>
      </c>
      <c r="G29" s="70">
        <v>0.1118421052631579</v>
      </c>
      <c r="H29" s="129">
        <v>0</v>
      </c>
      <c r="I29" s="130">
        <v>0</v>
      </c>
      <c r="J29" s="54" t="s">
        <v>344</v>
      </c>
    </row>
    <row r="30" spans="1:10" s="16" customFormat="1" ht="20.100000000000001" customHeight="1" x14ac:dyDescent="0.15">
      <c r="A30" s="17" t="s">
        <v>44</v>
      </c>
      <c r="B30" s="121">
        <v>118</v>
      </c>
      <c r="C30" s="19">
        <v>15</v>
      </c>
      <c r="D30" s="106">
        <v>0.1271186440677966</v>
      </c>
      <c r="E30" s="18">
        <v>118</v>
      </c>
      <c r="F30" s="19">
        <v>15</v>
      </c>
      <c r="G30" s="75">
        <v>0.1271186440677966</v>
      </c>
      <c r="H30" s="109">
        <v>0</v>
      </c>
      <c r="I30" s="110">
        <v>0</v>
      </c>
      <c r="J30" s="54" t="s">
        <v>344</v>
      </c>
    </row>
    <row r="31" spans="1:10" ht="20.100000000000001" customHeight="1" x14ac:dyDescent="0.15">
      <c r="A31" s="39" t="s">
        <v>45</v>
      </c>
      <c r="B31" s="121">
        <v>206</v>
      </c>
      <c r="C31" s="122">
        <v>7</v>
      </c>
      <c r="D31" s="62">
        <v>3.3980582524271843E-2</v>
      </c>
      <c r="E31" s="18">
        <v>206</v>
      </c>
      <c r="F31" s="19">
        <v>7</v>
      </c>
      <c r="G31" s="70">
        <v>3.3980582524271843E-2</v>
      </c>
      <c r="H31" s="129">
        <v>0</v>
      </c>
      <c r="I31" s="130">
        <v>0</v>
      </c>
      <c r="J31" s="54" t="s">
        <v>344</v>
      </c>
    </row>
    <row r="32" spans="1:10" ht="20.100000000000001" customHeight="1" x14ac:dyDescent="0.15">
      <c r="A32" s="39" t="s">
        <v>46</v>
      </c>
      <c r="B32" s="121">
        <v>208</v>
      </c>
      <c r="C32" s="122">
        <v>18</v>
      </c>
      <c r="D32" s="62">
        <v>8.6538461538461536E-2</v>
      </c>
      <c r="E32" s="121">
        <v>207</v>
      </c>
      <c r="F32" s="122">
        <v>17</v>
      </c>
      <c r="G32" s="70">
        <v>8.2125603864734303E-2</v>
      </c>
      <c r="H32" s="129">
        <v>1</v>
      </c>
      <c r="I32" s="130">
        <v>1</v>
      </c>
      <c r="J32" s="62">
        <v>1</v>
      </c>
    </row>
    <row r="33" spans="1:10" ht="20.100000000000001" customHeight="1" thickBot="1" x14ac:dyDescent="0.2">
      <c r="A33" s="40" t="s">
        <v>47</v>
      </c>
      <c r="B33" s="41">
        <v>114</v>
      </c>
      <c r="C33" s="42">
        <v>8</v>
      </c>
      <c r="D33" s="64">
        <v>7.0175438596491224E-2</v>
      </c>
      <c r="E33" s="41">
        <v>113</v>
      </c>
      <c r="F33" s="42">
        <v>7</v>
      </c>
      <c r="G33" s="72">
        <v>6.1946902654867256E-2</v>
      </c>
      <c r="H33" s="73">
        <v>1</v>
      </c>
      <c r="I33" s="131">
        <v>1</v>
      </c>
      <c r="J33" s="62">
        <v>1</v>
      </c>
    </row>
    <row r="34" spans="1:10" s="16" customFormat="1" ht="20.100000000000001" customHeight="1" thickTop="1" thickBot="1" x14ac:dyDescent="0.2">
      <c r="A34" s="132" t="s">
        <v>12</v>
      </c>
      <c r="B34" s="29">
        <v>2956</v>
      </c>
      <c r="C34" s="30">
        <v>309</v>
      </c>
      <c r="D34" s="126">
        <v>0.10453315290933694</v>
      </c>
      <c r="E34" s="29">
        <v>2953</v>
      </c>
      <c r="F34" s="30">
        <v>307</v>
      </c>
      <c r="G34" s="74">
        <v>0.10396207246867592</v>
      </c>
      <c r="H34" s="68">
        <v>3</v>
      </c>
      <c r="I34" s="69">
        <v>2</v>
      </c>
      <c r="J34" s="126">
        <v>0.66666666666666663</v>
      </c>
    </row>
    <row r="35" spans="1:10" ht="20.100000000000001" customHeight="1" x14ac:dyDescent="0.15">
      <c r="E35" s="133"/>
      <c r="F35" s="133"/>
      <c r="G35" s="133"/>
      <c r="H35" s="133"/>
      <c r="I35" s="133"/>
    </row>
  </sheetData>
  <mergeCells count="12">
    <mergeCell ref="A24:A25"/>
    <mergeCell ref="B24:D24"/>
    <mergeCell ref="E24:G24"/>
    <mergeCell ref="H24:J24"/>
    <mergeCell ref="A4:A5"/>
    <mergeCell ref="B4:D4"/>
    <mergeCell ref="E4:G4"/>
    <mergeCell ref="H4:J4"/>
    <mergeCell ref="A15:A16"/>
    <mergeCell ref="B15:D15"/>
    <mergeCell ref="E15:G15"/>
    <mergeCell ref="H15:J15"/>
  </mergeCells>
  <phoneticPr fontId="1"/>
  <pageMargins left="0.82677165354330717" right="0.23622047244094491" top="0.74803149606299213" bottom="0.74803149606299213" header="0.31496062992125984" footer="0.31496062992125984"/>
  <pageSetup paperSize="9" scale="70" orientation="landscape" r:id="rId1"/>
  <headerFooter>
    <oddFooter>&amp;C&amp;P</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5"/>
  <sheetViews>
    <sheetView zoomScale="80" zoomScaleNormal="80" zoomScaleSheetLayoutView="75" zoomScalePageLayoutView="50" workbookViewId="0"/>
  </sheetViews>
  <sheetFormatPr defaultColWidth="14.625" defaultRowHeight="20.100000000000001" customHeight="1" x14ac:dyDescent="0.15"/>
  <cols>
    <col min="1" max="3" width="14.625" style="2"/>
    <col min="4" max="4" width="14.625" style="104"/>
    <col min="5" max="16384" width="14.625" style="2"/>
  </cols>
  <sheetData>
    <row r="1" spans="1:10" ht="20.100000000000001" customHeight="1" x14ac:dyDescent="0.15">
      <c r="A1" s="296" t="s">
        <v>259</v>
      </c>
    </row>
    <row r="2" spans="1:10" ht="20.100000000000001" customHeight="1" x14ac:dyDescent="0.15">
      <c r="A2" s="59" t="s">
        <v>260</v>
      </c>
      <c r="F2" s="53"/>
    </row>
    <row r="3" spans="1:10" ht="20.100000000000001" customHeight="1" thickBot="1" x14ac:dyDescent="0.2">
      <c r="A3" s="16" t="s">
        <v>49</v>
      </c>
      <c r="C3" s="52" t="s">
        <v>349</v>
      </c>
      <c r="F3" s="52"/>
    </row>
    <row r="4" spans="1:10" ht="20.100000000000001" customHeight="1" x14ac:dyDescent="0.15">
      <c r="A4" s="660" t="s">
        <v>8</v>
      </c>
      <c r="B4" s="677" t="s">
        <v>32</v>
      </c>
      <c r="C4" s="678"/>
      <c r="D4" s="679"/>
      <c r="E4" s="677" t="s">
        <v>33</v>
      </c>
      <c r="F4" s="678"/>
      <c r="G4" s="679"/>
      <c r="H4" s="677" t="s">
        <v>34</v>
      </c>
      <c r="I4" s="678"/>
      <c r="J4" s="679"/>
    </row>
    <row r="5" spans="1:10" ht="20.100000000000001" customHeight="1" thickBot="1" x14ac:dyDescent="0.2">
      <c r="A5" s="661"/>
      <c r="B5" s="57" t="s">
        <v>206</v>
      </c>
      <c r="C5" s="630" t="s">
        <v>339</v>
      </c>
      <c r="D5" s="58" t="s">
        <v>299</v>
      </c>
      <c r="E5" s="57" t="s">
        <v>206</v>
      </c>
      <c r="F5" s="630" t="s">
        <v>339</v>
      </c>
      <c r="G5" s="58" t="s">
        <v>299</v>
      </c>
      <c r="H5" s="57" t="s">
        <v>206</v>
      </c>
      <c r="I5" s="630" t="s">
        <v>339</v>
      </c>
      <c r="J5" s="58" t="s">
        <v>299</v>
      </c>
    </row>
    <row r="6" spans="1:10" s="16" customFormat="1" ht="20.100000000000001" customHeight="1" thickTop="1" x14ac:dyDescent="0.15">
      <c r="A6" s="10" t="s">
        <v>98</v>
      </c>
      <c r="B6" s="105">
        <v>50</v>
      </c>
      <c r="C6" s="12">
        <v>8</v>
      </c>
      <c r="D6" s="106">
        <v>0.16</v>
      </c>
      <c r="E6" s="11">
        <v>50</v>
      </c>
      <c r="F6" s="12">
        <v>8</v>
      </c>
      <c r="G6" s="106">
        <v>0.16</v>
      </c>
      <c r="H6" s="76">
        <v>0</v>
      </c>
      <c r="I6" s="107">
        <v>0</v>
      </c>
      <c r="J6" s="56" t="s">
        <v>225</v>
      </c>
    </row>
    <row r="7" spans="1:10" s="16" customFormat="1" ht="20.100000000000001" customHeight="1" x14ac:dyDescent="0.15">
      <c r="A7" s="17" t="s">
        <v>99</v>
      </c>
      <c r="B7" s="18">
        <v>160</v>
      </c>
      <c r="C7" s="19">
        <v>25</v>
      </c>
      <c r="D7" s="106">
        <v>0.15625</v>
      </c>
      <c r="E7" s="18">
        <v>160</v>
      </c>
      <c r="F7" s="19">
        <v>25</v>
      </c>
      <c r="G7" s="108">
        <v>0.15625</v>
      </c>
      <c r="H7" s="109">
        <v>0</v>
      </c>
      <c r="I7" s="110">
        <v>0</v>
      </c>
      <c r="J7" s="56" t="s">
        <v>227</v>
      </c>
    </row>
    <row r="8" spans="1:10" s="16" customFormat="1" ht="20.100000000000001" customHeight="1" x14ac:dyDescent="0.15">
      <c r="A8" s="17" t="s">
        <v>100</v>
      </c>
      <c r="B8" s="18">
        <v>242</v>
      </c>
      <c r="C8" s="19">
        <v>26</v>
      </c>
      <c r="D8" s="106">
        <v>0.10743801652892562</v>
      </c>
      <c r="E8" s="18">
        <v>240</v>
      </c>
      <c r="F8" s="19">
        <v>24</v>
      </c>
      <c r="G8" s="108">
        <v>0.1</v>
      </c>
      <c r="H8" s="109">
        <v>2</v>
      </c>
      <c r="I8" s="110">
        <v>2</v>
      </c>
      <c r="J8" s="106">
        <v>1</v>
      </c>
    </row>
    <row r="9" spans="1:10" s="16" customFormat="1" ht="20.100000000000001" customHeight="1" x14ac:dyDescent="0.15">
      <c r="A9" s="17" t="s">
        <v>101</v>
      </c>
      <c r="B9" s="18">
        <v>237</v>
      </c>
      <c r="C9" s="19">
        <v>20</v>
      </c>
      <c r="D9" s="106">
        <v>8.4388185654008435E-2</v>
      </c>
      <c r="E9" s="18">
        <v>237</v>
      </c>
      <c r="F9" s="19">
        <v>20</v>
      </c>
      <c r="G9" s="108">
        <v>8.4388185654008435E-2</v>
      </c>
      <c r="H9" s="109">
        <v>0</v>
      </c>
      <c r="I9" s="110">
        <v>0</v>
      </c>
      <c r="J9" s="56" t="s">
        <v>224</v>
      </c>
    </row>
    <row r="10" spans="1:10" s="16" customFormat="1" ht="20.100000000000001" customHeight="1" x14ac:dyDescent="0.15">
      <c r="A10" s="17" t="s">
        <v>102</v>
      </c>
      <c r="B10" s="18">
        <v>286</v>
      </c>
      <c r="C10" s="19">
        <v>26</v>
      </c>
      <c r="D10" s="106">
        <v>9.0909090909090912E-2</v>
      </c>
      <c r="E10" s="18">
        <v>286</v>
      </c>
      <c r="F10" s="19">
        <v>26</v>
      </c>
      <c r="G10" s="108">
        <v>9.0909090909090912E-2</v>
      </c>
      <c r="H10" s="109">
        <v>0</v>
      </c>
      <c r="I10" s="110">
        <v>0</v>
      </c>
      <c r="J10" s="56" t="s">
        <v>228</v>
      </c>
    </row>
    <row r="11" spans="1:10" s="16" customFormat="1" ht="20.100000000000001" customHeight="1" thickBot="1" x14ac:dyDescent="0.2">
      <c r="A11" s="51" t="s">
        <v>11</v>
      </c>
      <c r="B11" s="45">
        <v>764</v>
      </c>
      <c r="C11" s="46">
        <v>70</v>
      </c>
      <c r="D11" s="111">
        <v>9.1623036649214659E-2</v>
      </c>
      <c r="E11" s="45">
        <v>764</v>
      </c>
      <c r="F11" s="46">
        <v>70</v>
      </c>
      <c r="G11" s="111">
        <v>9.1623036649214659E-2</v>
      </c>
      <c r="H11" s="65">
        <v>0</v>
      </c>
      <c r="I11" s="112">
        <v>0</v>
      </c>
      <c r="J11" s="113" t="s">
        <v>224</v>
      </c>
    </row>
    <row r="12" spans="1:10" ht="20.100000000000001" customHeight="1" thickTop="1" thickBot="1" x14ac:dyDescent="0.2">
      <c r="A12" s="114" t="s">
        <v>16</v>
      </c>
      <c r="B12" s="115">
        <v>1739</v>
      </c>
      <c r="C12" s="116">
        <v>175</v>
      </c>
      <c r="D12" s="67">
        <v>0.10063254744105808</v>
      </c>
      <c r="E12" s="117">
        <v>1737</v>
      </c>
      <c r="F12" s="117">
        <v>173</v>
      </c>
      <c r="G12" s="118">
        <v>9.9597006332757629E-2</v>
      </c>
      <c r="H12" s="119">
        <v>2</v>
      </c>
      <c r="I12" s="120">
        <v>2</v>
      </c>
      <c r="J12" s="67">
        <v>1</v>
      </c>
    </row>
    <row r="14" spans="1:10" ht="20.100000000000001" customHeight="1" thickBot="1" x14ac:dyDescent="0.2">
      <c r="A14" s="16" t="s">
        <v>50</v>
      </c>
    </row>
    <row r="15" spans="1:10" s="5" customFormat="1" ht="20.100000000000001" customHeight="1" x14ac:dyDescent="0.15">
      <c r="A15" s="660" t="s">
        <v>207</v>
      </c>
      <c r="B15" s="677" t="s">
        <v>32</v>
      </c>
      <c r="C15" s="678"/>
      <c r="D15" s="679"/>
      <c r="E15" s="677" t="s">
        <v>33</v>
      </c>
      <c r="F15" s="678"/>
      <c r="G15" s="679"/>
      <c r="H15" s="677" t="s">
        <v>34</v>
      </c>
      <c r="I15" s="678"/>
      <c r="J15" s="679"/>
    </row>
    <row r="16" spans="1:10" s="5" customFormat="1" ht="20.100000000000001" customHeight="1" thickBot="1" x14ac:dyDescent="0.2">
      <c r="A16" s="661"/>
      <c r="B16" s="57" t="s">
        <v>206</v>
      </c>
      <c r="C16" s="630" t="s">
        <v>339</v>
      </c>
      <c r="D16" s="58" t="s">
        <v>299</v>
      </c>
      <c r="E16" s="57" t="s">
        <v>206</v>
      </c>
      <c r="F16" s="630" t="s">
        <v>339</v>
      </c>
      <c r="G16" s="58" t="s">
        <v>299</v>
      </c>
      <c r="H16" s="57" t="s">
        <v>206</v>
      </c>
      <c r="I16" s="630" t="s">
        <v>339</v>
      </c>
      <c r="J16" s="58" t="s">
        <v>299</v>
      </c>
    </row>
    <row r="17" spans="1:10" ht="20.100000000000001" customHeight="1" thickTop="1" x14ac:dyDescent="0.15">
      <c r="A17" s="34" t="s">
        <v>35</v>
      </c>
      <c r="B17" s="35">
        <v>6</v>
      </c>
      <c r="C17" s="36">
        <v>0</v>
      </c>
      <c r="D17" s="62">
        <v>0</v>
      </c>
      <c r="E17" s="11">
        <v>6</v>
      </c>
      <c r="F17" s="12">
        <v>0</v>
      </c>
      <c r="G17" s="75">
        <v>0</v>
      </c>
      <c r="H17" s="76">
        <v>0</v>
      </c>
      <c r="I17" s="107">
        <v>0</v>
      </c>
      <c r="J17" s="54" t="s">
        <v>227</v>
      </c>
    </row>
    <row r="18" spans="1:10" ht="20.100000000000001" customHeight="1" x14ac:dyDescent="0.15">
      <c r="A18" s="39" t="s">
        <v>36</v>
      </c>
      <c r="B18" s="121">
        <v>35</v>
      </c>
      <c r="C18" s="122">
        <v>2</v>
      </c>
      <c r="D18" s="62">
        <v>5.7142857142857141E-2</v>
      </c>
      <c r="E18" s="18">
        <v>35</v>
      </c>
      <c r="F18" s="19">
        <v>2</v>
      </c>
      <c r="G18" s="75">
        <v>5.7142857142857141E-2</v>
      </c>
      <c r="H18" s="109">
        <v>0</v>
      </c>
      <c r="I18" s="110">
        <v>0</v>
      </c>
      <c r="J18" s="54" t="s">
        <v>225</v>
      </c>
    </row>
    <row r="19" spans="1:10" ht="20.100000000000001" customHeight="1" x14ac:dyDescent="0.15">
      <c r="A19" s="39" t="s">
        <v>37</v>
      </c>
      <c r="B19" s="121">
        <v>1686</v>
      </c>
      <c r="C19" s="122">
        <v>171</v>
      </c>
      <c r="D19" s="62">
        <v>0.10142348754448399</v>
      </c>
      <c r="E19" s="18">
        <v>1684</v>
      </c>
      <c r="F19" s="19">
        <v>169</v>
      </c>
      <c r="G19" s="75">
        <v>0.1003562945368171</v>
      </c>
      <c r="H19" s="109">
        <v>2</v>
      </c>
      <c r="I19" s="110">
        <v>2</v>
      </c>
      <c r="J19" s="62">
        <v>1</v>
      </c>
    </row>
    <row r="20" spans="1:10" ht="20.100000000000001" customHeight="1" thickBot="1" x14ac:dyDescent="0.2">
      <c r="A20" s="40" t="s">
        <v>38</v>
      </c>
      <c r="B20" s="41">
        <v>12</v>
      </c>
      <c r="C20" s="42">
        <v>2</v>
      </c>
      <c r="D20" s="64">
        <v>0.16666666666666666</v>
      </c>
      <c r="E20" s="45">
        <v>12</v>
      </c>
      <c r="F20" s="46">
        <v>2</v>
      </c>
      <c r="G20" s="124">
        <v>0.16666666666666666</v>
      </c>
      <c r="H20" s="65">
        <v>0</v>
      </c>
      <c r="I20" s="112">
        <v>0</v>
      </c>
      <c r="J20" s="54" t="s">
        <v>224</v>
      </c>
    </row>
    <row r="21" spans="1:10" s="16" customFormat="1" ht="20.100000000000001" customHeight="1" thickTop="1" thickBot="1" x14ac:dyDescent="0.2">
      <c r="A21" s="28" t="s">
        <v>16</v>
      </c>
      <c r="B21" s="29">
        <v>1739</v>
      </c>
      <c r="C21" s="30">
        <v>175</v>
      </c>
      <c r="D21" s="126">
        <v>0.10063254744105808</v>
      </c>
      <c r="E21" s="29">
        <v>1737</v>
      </c>
      <c r="F21" s="30">
        <v>173</v>
      </c>
      <c r="G21" s="74">
        <v>9.9597006332757629E-2</v>
      </c>
      <c r="H21" s="68">
        <v>2</v>
      </c>
      <c r="I21" s="69">
        <v>2</v>
      </c>
      <c r="J21" s="126">
        <v>1</v>
      </c>
    </row>
    <row r="23" spans="1:10" ht="20.100000000000001" customHeight="1" thickBot="1" x14ac:dyDescent="0.2">
      <c r="A23" s="16" t="s">
        <v>51</v>
      </c>
    </row>
    <row r="24" spans="1:10" s="5" customFormat="1" ht="20.100000000000001" customHeight="1" x14ac:dyDescent="0.15">
      <c r="A24" s="660" t="s">
        <v>39</v>
      </c>
      <c r="B24" s="677" t="s">
        <v>32</v>
      </c>
      <c r="C24" s="678"/>
      <c r="D24" s="679"/>
      <c r="E24" s="677" t="s">
        <v>33</v>
      </c>
      <c r="F24" s="678"/>
      <c r="G24" s="679"/>
      <c r="H24" s="677" t="s">
        <v>34</v>
      </c>
      <c r="I24" s="678"/>
      <c r="J24" s="679"/>
    </row>
    <row r="25" spans="1:10" s="5" customFormat="1" ht="20.100000000000001" customHeight="1" thickBot="1" x14ac:dyDescent="0.2">
      <c r="A25" s="661"/>
      <c r="B25" s="57" t="s">
        <v>206</v>
      </c>
      <c r="C25" s="630" t="s">
        <v>339</v>
      </c>
      <c r="D25" s="58" t="s">
        <v>299</v>
      </c>
      <c r="E25" s="57" t="s">
        <v>206</v>
      </c>
      <c r="F25" s="630" t="s">
        <v>339</v>
      </c>
      <c r="G25" s="58" t="s">
        <v>299</v>
      </c>
      <c r="H25" s="57" t="s">
        <v>206</v>
      </c>
      <c r="I25" s="630" t="s">
        <v>339</v>
      </c>
      <c r="J25" s="58" t="s">
        <v>299</v>
      </c>
    </row>
    <row r="26" spans="1:10" ht="20.100000000000001" customHeight="1" thickTop="1" x14ac:dyDescent="0.15">
      <c r="A26" s="34" t="s">
        <v>40</v>
      </c>
      <c r="B26" s="35">
        <v>704</v>
      </c>
      <c r="C26" s="36">
        <v>85</v>
      </c>
      <c r="D26" s="62">
        <v>0.12073863636363637</v>
      </c>
      <c r="E26" s="35">
        <v>704</v>
      </c>
      <c r="F26" s="36">
        <v>85</v>
      </c>
      <c r="G26" s="70">
        <v>0.12073863636363637</v>
      </c>
      <c r="H26" s="63">
        <v>0</v>
      </c>
      <c r="I26" s="127">
        <v>0</v>
      </c>
      <c r="J26" s="54" t="s">
        <v>224</v>
      </c>
    </row>
    <row r="27" spans="1:10" ht="20.100000000000001" customHeight="1" x14ac:dyDescent="0.15">
      <c r="A27" s="39" t="s">
        <v>41</v>
      </c>
      <c r="B27" s="121">
        <v>276</v>
      </c>
      <c r="C27" s="122">
        <v>34</v>
      </c>
      <c r="D27" s="62">
        <v>0.12318840579710146</v>
      </c>
      <c r="E27" s="121">
        <v>276</v>
      </c>
      <c r="F27" s="122">
        <v>34</v>
      </c>
      <c r="G27" s="128">
        <v>0.12318840579710146</v>
      </c>
      <c r="H27" s="129">
        <v>0</v>
      </c>
      <c r="I27" s="130">
        <v>0</v>
      </c>
      <c r="J27" s="54" t="s">
        <v>225</v>
      </c>
    </row>
    <row r="28" spans="1:10" ht="20.100000000000001" customHeight="1" x14ac:dyDescent="0.15">
      <c r="A28" s="39" t="s">
        <v>42</v>
      </c>
      <c r="B28" s="121">
        <v>149</v>
      </c>
      <c r="C28" s="122">
        <v>11</v>
      </c>
      <c r="D28" s="62">
        <v>7.3825503355704702E-2</v>
      </c>
      <c r="E28" s="121">
        <v>149</v>
      </c>
      <c r="F28" s="122">
        <v>11</v>
      </c>
      <c r="G28" s="70">
        <v>7.3825503355704702E-2</v>
      </c>
      <c r="H28" s="129">
        <v>0</v>
      </c>
      <c r="I28" s="130">
        <v>0</v>
      </c>
      <c r="J28" s="54" t="s">
        <v>224</v>
      </c>
    </row>
    <row r="29" spans="1:10" ht="20.100000000000001" customHeight="1" x14ac:dyDescent="0.15">
      <c r="A29" s="39" t="s">
        <v>43</v>
      </c>
      <c r="B29" s="121">
        <v>107</v>
      </c>
      <c r="C29" s="122">
        <v>11</v>
      </c>
      <c r="D29" s="62">
        <v>0.10280373831775701</v>
      </c>
      <c r="E29" s="121">
        <v>107</v>
      </c>
      <c r="F29" s="122">
        <v>11</v>
      </c>
      <c r="G29" s="70">
        <v>0.10280373831775701</v>
      </c>
      <c r="H29" s="129">
        <v>0</v>
      </c>
      <c r="I29" s="130">
        <v>0</v>
      </c>
      <c r="J29" s="54" t="s">
        <v>226</v>
      </c>
    </row>
    <row r="30" spans="1:10" s="16" customFormat="1" ht="20.100000000000001" customHeight="1" x14ac:dyDescent="0.15">
      <c r="A30" s="17" t="s">
        <v>44</v>
      </c>
      <c r="B30" s="18">
        <v>89</v>
      </c>
      <c r="C30" s="19">
        <v>10</v>
      </c>
      <c r="D30" s="106">
        <v>0.11235955056179775</v>
      </c>
      <c r="E30" s="18">
        <v>89</v>
      </c>
      <c r="F30" s="19">
        <v>10</v>
      </c>
      <c r="G30" s="75">
        <v>0.11235955056179775</v>
      </c>
      <c r="H30" s="109">
        <v>0</v>
      </c>
      <c r="I30" s="110">
        <v>0</v>
      </c>
      <c r="J30" s="54" t="s">
        <v>224</v>
      </c>
    </row>
    <row r="31" spans="1:10" ht="20.100000000000001" customHeight="1" x14ac:dyDescent="0.15">
      <c r="A31" s="39" t="s">
        <v>45</v>
      </c>
      <c r="B31" s="121">
        <v>161</v>
      </c>
      <c r="C31" s="122">
        <v>3</v>
      </c>
      <c r="D31" s="62">
        <v>1.8633540372670808E-2</v>
      </c>
      <c r="E31" s="18">
        <v>161</v>
      </c>
      <c r="F31" s="19">
        <v>3</v>
      </c>
      <c r="G31" s="70">
        <v>1.8633540372670808E-2</v>
      </c>
      <c r="H31" s="129">
        <v>0</v>
      </c>
      <c r="I31" s="130">
        <v>0</v>
      </c>
      <c r="J31" s="54" t="s">
        <v>224</v>
      </c>
    </row>
    <row r="32" spans="1:10" ht="20.100000000000001" customHeight="1" x14ac:dyDescent="0.15">
      <c r="A32" s="39" t="s">
        <v>46</v>
      </c>
      <c r="B32" s="121">
        <v>154</v>
      </c>
      <c r="C32" s="122">
        <v>16</v>
      </c>
      <c r="D32" s="62">
        <v>0.1038961038961039</v>
      </c>
      <c r="E32" s="121">
        <v>153</v>
      </c>
      <c r="F32" s="122">
        <v>15</v>
      </c>
      <c r="G32" s="70">
        <v>9.8039215686274508E-2</v>
      </c>
      <c r="H32" s="129">
        <v>1</v>
      </c>
      <c r="I32" s="130">
        <v>1</v>
      </c>
      <c r="J32" s="62">
        <v>1</v>
      </c>
    </row>
    <row r="33" spans="1:10" ht="20.100000000000001" customHeight="1" thickBot="1" x14ac:dyDescent="0.2">
      <c r="A33" s="40" t="s">
        <v>47</v>
      </c>
      <c r="B33" s="41">
        <v>99</v>
      </c>
      <c r="C33" s="42">
        <v>5</v>
      </c>
      <c r="D33" s="64">
        <v>5.0505050505050504E-2</v>
      </c>
      <c r="E33" s="41">
        <v>98</v>
      </c>
      <c r="F33" s="42">
        <v>4</v>
      </c>
      <c r="G33" s="72">
        <v>4.0816326530612242E-2</v>
      </c>
      <c r="H33" s="73">
        <v>1</v>
      </c>
      <c r="I33" s="131">
        <v>1</v>
      </c>
      <c r="J33" s="62">
        <v>1</v>
      </c>
    </row>
    <row r="34" spans="1:10" s="16" customFormat="1" ht="20.100000000000001" customHeight="1" thickTop="1" thickBot="1" x14ac:dyDescent="0.2">
      <c r="A34" s="132" t="s">
        <v>12</v>
      </c>
      <c r="B34" s="29">
        <v>1739</v>
      </c>
      <c r="C34" s="30">
        <v>175</v>
      </c>
      <c r="D34" s="126">
        <v>0.10063254744105808</v>
      </c>
      <c r="E34" s="29">
        <v>1737</v>
      </c>
      <c r="F34" s="30">
        <v>173</v>
      </c>
      <c r="G34" s="74">
        <v>9.9597006332757629E-2</v>
      </c>
      <c r="H34" s="68">
        <v>2</v>
      </c>
      <c r="I34" s="69">
        <v>2</v>
      </c>
      <c r="J34" s="126">
        <v>1</v>
      </c>
    </row>
    <row r="35" spans="1:10" ht="20.100000000000001" customHeight="1" x14ac:dyDescent="0.15">
      <c r="E35" s="59"/>
      <c r="F35" s="59"/>
      <c r="G35" s="59"/>
      <c r="H35" s="59"/>
      <c r="I35" s="59"/>
    </row>
  </sheetData>
  <mergeCells count="12">
    <mergeCell ref="A24:A25"/>
    <mergeCell ref="B24:D24"/>
    <mergeCell ref="E24:G24"/>
    <mergeCell ref="H24:J24"/>
    <mergeCell ref="A4:A5"/>
    <mergeCell ref="B4:D4"/>
    <mergeCell ref="E4:G4"/>
    <mergeCell ref="H4:J4"/>
    <mergeCell ref="A15:A16"/>
    <mergeCell ref="B15:D15"/>
    <mergeCell ref="E15:G15"/>
    <mergeCell ref="H15:J15"/>
  </mergeCells>
  <phoneticPr fontId="1"/>
  <pageMargins left="0.82677165354330717" right="0.23622047244094491" top="0.74803149606299213" bottom="0.74803149606299213" header="0.31496062992125984" footer="0.31496062992125984"/>
  <pageSetup paperSize="9" scale="70" orientation="landscape" r:id="rId1"/>
  <headerFooter>
    <oddFooter>&amp;C&amp;P</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35"/>
  <sheetViews>
    <sheetView zoomScale="80" zoomScaleNormal="80" zoomScaleSheetLayoutView="75" zoomScalePageLayoutView="50" workbookViewId="0"/>
  </sheetViews>
  <sheetFormatPr defaultColWidth="14.625" defaultRowHeight="20.100000000000001" customHeight="1" x14ac:dyDescent="0.15"/>
  <cols>
    <col min="1" max="3" width="14.625" style="2"/>
    <col min="4" max="4" width="14.625" style="104"/>
    <col min="5" max="16384" width="14.625" style="2"/>
  </cols>
  <sheetData>
    <row r="1" spans="1:10" ht="20.100000000000001" customHeight="1" x14ac:dyDescent="0.15">
      <c r="A1" s="296" t="s">
        <v>259</v>
      </c>
    </row>
    <row r="2" spans="1:10" ht="20.100000000000001" customHeight="1" x14ac:dyDescent="0.15">
      <c r="A2" s="59" t="s">
        <v>261</v>
      </c>
      <c r="E2" s="52"/>
      <c r="F2" s="53"/>
    </row>
    <row r="3" spans="1:10" ht="20.100000000000001" customHeight="1" thickBot="1" x14ac:dyDescent="0.2">
      <c r="A3" s="16" t="s">
        <v>49</v>
      </c>
      <c r="C3" s="52" t="s">
        <v>311</v>
      </c>
      <c r="F3" s="52"/>
    </row>
    <row r="4" spans="1:10" ht="20.100000000000001" customHeight="1" x14ac:dyDescent="0.15">
      <c r="A4" s="660" t="s">
        <v>8</v>
      </c>
      <c r="B4" s="677" t="s">
        <v>32</v>
      </c>
      <c r="C4" s="678"/>
      <c r="D4" s="679"/>
      <c r="E4" s="677" t="s">
        <v>33</v>
      </c>
      <c r="F4" s="678"/>
      <c r="G4" s="679"/>
      <c r="H4" s="677" t="s">
        <v>34</v>
      </c>
      <c r="I4" s="678"/>
      <c r="J4" s="679"/>
    </row>
    <row r="5" spans="1:10" ht="20.100000000000001" customHeight="1" thickBot="1" x14ac:dyDescent="0.2">
      <c r="A5" s="661"/>
      <c r="B5" s="57" t="s">
        <v>206</v>
      </c>
      <c r="C5" s="630" t="s">
        <v>205</v>
      </c>
      <c r="D5" s="58" t="s">
        <v>299</v>
      </c>
      <c r="E5" s="57" t="s">
        <v>206</v>
      </c>
      <c r="F5" s="630" t="s">
        <v>205</v>
      </c>
      <c r="G5" s="58" t="s">
        <v>299</v>
      </c>
      <c r="H5" s="57" t="s">
        <v>206</v>
      </c>
      <c r="I5" s="630" t="s">
        <v>205</v>
      </c>
      <c r="J5" s="58" t="s">
        <v>299</v>
      </c>
    </row>
    <row r="6" spans="1:10" s="16" customFormat="1" ht="20.100000000000001" customHeight="1" thickTop="1" x14ac:dyDescent="0.15">
      <c r="A6" s="10" t="s">
        <v>98</v>
      </c>
      <c r="B6" s="105">
        <v>8</v>
      </c>
      <c r="C6" s="12">
        <v>5</v>
      </c>
      <c r="D6" s="106">
        <v>0.625</v>
      </c>
      <c r="E6" s="11">
        <v>8</v>
      </c>
      <c r="F6" s="12">
        <v>5</v>
      </c>
      <c r="G6" s="106">
        <v>0.625</v>
      </c>
      <c r="H6" s="76">
        <v>0</v>
      </c>
      <c r="I6" s="107">
        <v>0</v>
      </c>
      <c r="J6" s="56" t="s">
        <v>344</v>
      </c>
    </row>
    <row r="7" spans="1:10" s="16" customFormat="1" ht="20.100000000000001" customHeight="1" x14ac:dyDescent="0.15">
      <c r="A7" s="17" t="s">
        <v>99</v>
      </c>
      <c r="B7" s="18">
        <v>57</v>
      </c>
      <c r="C7" s="19">
        <v>9</v>
      </c>
      <c r="D7" s="106">
        <v>0.15789473684210525</v>
      </c>
      <c r="E7" s="18">
        <v>57</v>
      </c>
      <c r="F7" s="19">
        <v>9</v>
      </c>
      <c r="G7" s="108">
        <v>0.15789473684210525</v>
      </c>
      <c r="H7" s="109">
        <v>0</v>
      </c>
      <c r="I7" s="110">
        <v>0</v>
      </c>
      <c r="J7" s="56" t="s">
        <v>344</v>
      </c>
    </row>
    <row r="8" spans="1:10" s="16" customFormat="1" ht="20.100000000000001" customHeight="1" x14ac:dyDescent="0.15">
      <c r="A8" s="17" t="s">
        <v>100</v>
      </c>
      <c r="B8" s="18">
        <v>93</v>
      </c>
      <c r="C8" s="19">
        <v>8</v>
      </c>
      <c r="D8" s="106">
        <v>8.6021505376344093E-2</v>
      </c>
      <c r="E8" s="18">
        <v>93</v>
      </c>
      <c r="F8" s="19">
        <v>8</v>
      </c>
      <c r="G8" s="108">
        <v>8.6021505376344093E-2</v>
      </c>
      <c r="H8" s="109">
        <v>0</v>
      </c>
      <c r="I8" s="110">
        <v>0</v>
      </c>
      <c r="J8" s="56" t="s">
        <v>344</v>
      </c>
    </row>
    <row r="9" spans="1:10" s="16" customFormat="1" ht="20.100000000000001" customHeight="1" x14ac:dyDescent="0.15">
      <c r="A9" s="17" t="s">
        <v>101</v>
      </c>
      <c r="B9" s="18">
        <v>120</v>
      </c>
      <c r="C9" s="19">
        <v>12</v>
      </c>
      <c r="D9" s="106">
        <v>0.1</v>
      </c>
      <c r="E9" s="18">
        <v>120</v>
      </c>
      <c r="F9" s="19">
        <v>12</v>
      </c>
      <c r="G9" s="108">
        <v>0.1</v>
      </c>
      <c r="H9" s="109">
        <v>0</v>
      </c>
      <c r="I9" s="110">
        <v>0</v>
      </c>
      <c r="J9" s="56" t="s">
        <v>344</v>
      </c>
    </row>
    <row r="10" spans="1:10" s="16" customFormat="1" ht="20.100000000000001" customHeight="1" x14ac:dyDescent="0.15">
      <c r="A10" s="17" t="s">
        <v>102</v>
      </c>
      <c r="B10" s="18">
        <v>214</v>
      </c>
      <c r="C10" s="19">
        <v>32</v>
      </c>
      <c r="D10" s="106">
        <v>0.14953271028037382</v>
      </c>
      <c r="E10" s="18">
        <v>214</v>
      </c>
      <c r="F10" s="19">
        <v>32</v>
      </c>
      <c r="G10" s="108">
        <v>0.14953271028037382</v>
      </c>
      <c r="H10" s="109">
        <v>0</v>
      </c>
      <c r="I10" s="110">
        <v>0</v>
      </c>
      <c r="J10" s="56" t="s">
        <v>344</v>
      </c>
    </row>
    <row r="11" spans="1:10" s="16" customFormat="1" ht="20.100000000000001" customHeight="1" thickBot="1" x14ac:dyDescent="0.2">
      <c r="A11" s="51" t="s">
        <v>11</v>
      </c>
      <c r="B11" s="45">
        <v>725</v>
      </c>
      <c r="C11" s="46">
        <v>68</v>
      </c>
      <c r="D11" s="111">
        <v>9.3793103448275864E-2</v>
      </c>
      <c r="E11" s="45">
        <v>724</v>
      </c>
      <c r="F11" s="46">
        <v>68</v>
      </c>
      <c r="G11" s="111">
        <v>9.3922651933701654E-2</v>
      </c>
      <c r="H11" s="65">
        <v>1</v>
      </c>
      <c r="I11" s="112">
        <v>0</v>
      </c>
      <c r="J11" s="111">
        <v>0</v>
      </c>
    </row>
    <row r="12" spans="1:10" ht="20.100000000000001" customHeight="1" thickTop="1" thickBot="1" x14ac:dyDescent="0.2">
      <c r="A12" s="114" t="s">
        <v>16</v>
      </c>
      <c r="B12" s="115">
        <v>1217</v>
      </c>
      <c r="C12" s="116">
        <v>134</v>
      </c>
      <c r="D12" s="67">
        <v>0.11010682004930156</v>
      </c>
      <c r="E12" s="117">
        <v>1216</v>
      </c>
      <c r="F12" s="117">
        <v>134</v>
      </c>
      <c r="G12" s="118">
        <v>0.11019736842105263</v>
      </c>
      <c r="H12" s="119">
        <v>1</v>
      </c>
      <c r="I12" s="120">
        <v>0</v>
      </c>
      <c r="J12" s="67">
        <v>0</v>
      </c>
    </row>
    <row r="14" spans="1:10" ht="20.100000000000001" customHeight="1" thickBot="1" x14ac:dyDescent="0.2">
      <c r="A14" s="16" t="s">
        <v>50</v>
      </c>
    </row>
    <row r="15" spans="1:10" s="5" customFormat="1" ht="20.100000000000001" customHeight="1" x14ac:dyDescent="0.15">
      <c r="A15" s="660" t="s">
        <v>208</v>
      </c>
      <c r="B15" s="677" t="s">
        <v>32</v>
      </c>
      <c r="C15" s="678"/>
      <c r="D15" s="679"/>
      <c r="E15" s="677" t="s">
        <v>33</v>
      </c>
      <c r="F15" s="678"/>
      <c r="G15" s="679"/>
      <c r="H15" s="677" t="s">
        <v>34</v>
      </c>
      <c r="I15" s="678"/>
      <c r="J15" s="679"/>
    </row>
    <row r="16" spans="1:10" s="5" customFormat="1" ht="20.100000000000001" customHeight="1" thickBot="1" x14ac:dyDescent="0.2">
      <c r="A16" s="661"/>
      <c r="B16" s="57" t="s">
        <v>206</v>
      </c>
      <c r="C16" s="630" t="s">
        <v>339</v>
      </c>
      <c r="D16" s="58" t="s">
        <v>299</v>
      </c>
      <c r="E16" s="57" t="s">
        <v>206</v>
      </c>
      <c r="F16" s="630" t="s">
        <v>339</v>
      </c>
      <c r="G16" s="58" t="s">
        <v>299</v>
      </c>
      <c r="H16" s="57" t="s">
        <v>206</v>
      </c>
      <c r="I16" s="630" t="s">
        <v>339</v>
      </c>
      <c r="J16" s="58" t="s">
        <v>299</v>
      </c>
    </row>
    <row r="17" spans="1:10" ht="20.100000000000001" customHeight="1" thickTop="1" x14ac:dyDescent="0.15">
      <c r="A17" s="34" t="s">
        <v>35</v>
      </c>
      <c r="B17" s="35">
        <v>16</v>
      </c>
      <c r="C17" s="36">
        <v>1</v>
      </c>
      <c r="D17" s="62">
        <v>6.25E-2</v>
      </c>
      <c r="E17" s="11">
        <v>16</v>
      </c>
      <c r="F17" s="12">
        <v>1</v>
      </c>
      <c r="G17" s="75">
        <v>6.25E-2</v>
      </c>
      <c r="H17" s="76">
        <v>0</v>
      </c>
      <c r="I17" s="107">
        <v>0</v>
      </c>
      <c r="J17" s="54" t="s">
        <v>344</v>
      </c>
    </row>
    <row r="18" spans="1:10" ht="20.100000000000001" customHeight="1" x14ac:dyDescent="0.15">
      <c r="A18" s="39" t="s">
        <v>36</v>
      </c>
      <c r="B18" s="121">
        <v>62</v>
      </c>
      <c r="C18" s="122">
        <v>4</v>
      </c>
      <c r="D18" s="62">
        <v>6.4516129032258063E-2</v>
      </c>
      <c r="E18" s="18">
        <v>62</v>
      </c>
      <c r="F18" s="19">
        <v>4</v>
      </c>
      <c r="G18" s="75">
        <v>6.4516129032258063E-2</v>
      </c>
      <c r="H18" s="109">
        <v>0</v>
      </c>
      <c r="I18" s="110">
        <v>0</v>
      </c>
      <c r="J18" s="123" t="s">
        <v>344</v>
      </c>
    </row>
    <row r="19" spans="1:10" ht="20.100000000000001" customHeight="1" x14ac:dyDescent="0.15">
      <c r="A19" s="39" t="s">
        <v>37</v>
      </c>
      <c r="B19" s="121">
        <v>1124</v>
      </c>
      <c r="C19" s="122">
        <v>124</v>
      </c>
      <c r="D19" s="62">
        <v>0.1103202846975089</v>
      </c>
      <c r="E19" s="18">
        <v>1123</v>
      </c>
      <c r="F19" s="19">
        <v>124</v>
      </c>
      <c r="G19" s="75">
        <v>0.11041852181656278</v>
      </c>
      <c r="H19" s="109">
        <v>1</v>
      </c>
      <c r="I19" s="110">
        <v>0</v>
      </c>
      <c r="J19" s="536">
        <v>0</v>
      </c>
    </row>
    <row r="20" spans="1:10" ht="20.100000000000001" customHeight="1" thickBot="1" x14ac:dyDescent="0.2">
      <c r="A20" s="40" t="s">
        <v>38</v>
      </c>
      <c r="B20" s="41">
        <v>15</v>
      </c>
      <c r="C20" s="42">
        <v>5</v>
      </c>
      <c r="D20" s="64">
        <v>0.33333333333333331</v>
      </c>
      <c r="E20" s="45">
        <v>15</v>
      </c>
      <c r="F20" s="46">
        <v>5</v>
      </c>
      <c r="G20" s="124">
        <v>0.33333333333333331</v>
      </c>
      <c r="H20" s="65">
        <v>0</v>
      </c>
      <c r="I20" s="112">
        <v>0</v>
      </c>
      <c r="J20" s="125" t="s">
        <v>344</v>
      </c>
    </row>
    <row r="21" spans="1:10" s="16" customFormat="1" ht="20.100000000000001" customHeight="1" thickTop="1" thickBot="1" x14ac:dyDescent="0.2">
      <c r="A21" s="28" t="s">
        <v>16</v>
      </c>
      <c r="B21" s="29">
        <v>1217</v>
      </c>
      <c r="C21" s="30">
        <v>134</v>
      </c>
      <c r="D21" s="126">
        <v>0.11010682004930156</v>
      </c>
      <c r="E21" s="29">
        <v>1216</v>
      </c>
      <c r="F21" s="30">
        <v>134</v>
      </c>
      <c r="G21" s="74">
        <v>0.11019736842105263</v>
      </c>
      <c r="H21" s="68">
        <v>1</v>
      </c>
      <c r="I21" s="69">
        <v>0</v>
      </c>
      <c r="J21" s="126">
        <v>0</v>
      </c>
    </row>
    <row r="23" spans="1:10" ht="20.100000000000001" customHeight="1" thickBot="1" x14ac:dyDescent="0.2">
      <c r="A23" s="16" t="s">
        <v>51</v>
      </c>
    </row>
    <row r="24" spans="1:10" s="5" customFormat="1" ht="20.100000000000001" customHeight="1" x14ac:dyDescent="0.15">
      <c r="A24" s="660" t="s">
        <v>39</v>
      </c>
      <c r="B24" s="677" t="s">
        <v>32</v>
      </c>
      <c r="C24" s="678"/>
      <c r="D24" s="679"/>
      <c r="E24" s="677" t="s">
        <v>33</v>
      </c>
      <c r="F24" s="678"/>
      <c r="G24" s="679"/>
      <c r="H24" s="677" t="s">
        <v>34</v>
      </c>
      <c r="I24" s="678"/>
      <c r="J24" s="679"/>
    </row>
    <row r="25" spans="1:10" s="5" customFormat="1" ht="20.100000000000001" customHeight="1" thickBot="1" x14ac:dyDescent="0.2">
      <c r="A25" s="661"/>
      <c r="B25" s="57" t="s">
        <v>206</v>
      </c>
      <c r="C25" s="630" t="s">
        <v>205</v>
      </c>
      <c r="D25" s="58" t="s">
        <v>299</v>
      </c>
      <c r="E25" s="57" t="s">
        <v>206</v>
      </c>
      <c r="F25" s="630" t="s">
        <v>205</v>
      </c>
      <c r="G25" s="58" t="s">
        <v>299</v>
      </c>
      <c r="H25" s="57" t="s">
        <v>206</v>
      </c>
      <c r="I25" s="630" t="s">
        <v>205</v>
      </c>
      <c r="J25" s="58" t="s">
        <v>299</v>
      </c>
    </row>
    <row r="26" spans="1:10" ht="20.100000000000001" customHeight="1" thickTop="1" x14ac:dyDescent="0.15">
      <c r="A26" s="34" t="s">
        <v>40</v>
      </c>
      <c r="B26" s="35">
        <v>574</v>
      </c>
      <c r="C26" s="36">
        <v>66</v>
      </c>
      <c r="D26" s="62">
        <v>0.11498257839721254</v>
      </c>
      <c r="E26" s="35">
        <v>574</v>
      </c>
      <c r="F26" s="36">
        <v>66</v>
      </c>
      <c r="G26" s="70">
        <v>0.11498257839721254</v>
      </c>
      <c r="H26" s="63">
        <v>0</v>
      </c>
      <c r="I26" s="127">
        <v>0</v>
      </c>
      <c r="J26" s="54" t="s">
        <v>344</v>
      </c>
    </row>
    <row r="27" spans="1:10" ht="20.100000000000001" customHeight="1" x14ac:dyDescent="0.15">
      <c r="A27" s="39" t="s">
        <v>41</v>
      </c>
      <c r="B27" s="121">
        <v>337</v>
      </c>
      <c r="C27" s="122">
        <v>36</v>
      </c>
      <c r="D27" s="62">
        <v>0.10682492581602374</v>
      </c>
      <c r="E27" s="121">
        <v>336</v>
      </c>
      <c r="F27" s="122">
        <v>36</v>
      </c>
      <c r="G27" s="128">
        <v>0.10714285714285714</v>
      </c>
      <c r="H27" s="129">
        <v>1</v>
      </c>
      <c r="I27" s="130">
        <v>0</v>
      </c>
      <c r="J27" s="62">
        <v>0</v>
      </c>
    </row>
    <row r="28" spans="1:10" ht="20.100000000000001" customHeight="1" x14ac:dyDescent="0.15">
      <c r="A28" s="39" t="s">
        <v>42</v>
      </c>
      <c r="B28" s="121">
        <v>118</v>
      </c>
      <c r="C28" s="122">
        <v>12</v>
      </c>
      <c r="D28" s="62">
        <v>0.10169491525423729</v>
      </c>
      <c r="E28" s="121">
        <v>118</v>
      </c>
      <c r="F28" s="122">
        <v>12</v>
      </c>
      <c r="G28" s="70">
        <v>0.10169491525423729</v>
      </c>
      <c r="H28" s="129">
        <v>0</v>
      </c>
      <c r="I28" s="130">
        <v>0</v>
      </c>
      <c r="J28" s="54" t="s">
        <v>344</v>
      </c>
    </row>
    <row r="29" spans="1:10" ht="20.100000000000001" customHeight="1" x14ac:dyDescent="0.15">
      <c r="A29" s="39" t="s">
        <v>43</v>
      </c>
      <c r="B29" s="121">
        <v>45</v>
      </c>
      <c r="C29" s="122">
        <v>6</v>
      </c>
      <c r="D29" s="62">
        <v>0.13333333333333333</v>
      </c>
      <c r="E29" s="121">
        <v>45</v>
      </c>
      <c r="F29" s="122">
        <v>6</v>
      </c>
      <c r="G29" s="70">
        <v>0.13333333333333333</v>
      </c>
      <c r="H29" s="129">
        <v>0</v>
      </c>
      <c r="I29" s="130">
        <v>0</v>
      </c>
      <c r="J29" s="54" t="s">
        <v>344</v>
      </c>
    </row>
    <row r="30" spans="1:10" s="16" customFormat="1" ht="20.100000000000001" customHeight="1" x14ac:dyDescent="0.15">
      <c r="A30" s="17" t="s">
        <v>44</v>
      </c>
      <c r="B30" s="18">
        <v>29</v>
      </c>
      <c r="C30" s="19">
        <v>5</v>
      </c>
      <c r="D30" s="106">
        <v>0.17241379310344829</v>
      </c>
      <c r="E30" s="18">
        <v>29</v>
      </c>
      <c r="F30" s="19">
        <v>5</v>
      </c>
      <c r="G30" s="75">
        <v>0.17241379310344829</v>
      </c>
      <c r="H30" s="109">
        <v>0</v>
      </c>
      <c r="I30" s="110">
        <v>0</v>
      </c>
      <c r="J30" s="56" t="s">
        <v>344</v>
      </c>
    </row>
    <row r="31" spans="1:10" ht="20.100000000000001" customHeight="1" x14ac:dyDescent="0.15">
      <c r="A31" s="39" t="s">
        <v>45</v>
      </c>
      <c r="B31" s="121">
        <v>45</v>
      </c>
      <c r="C31" s="122">
        <v>4</v>
      </c>
      <c r="D31" s="62">
        <v>8.8888888888888892E-2</v>
      </c>
      <c r="E31" s="18">
        <v>45</v>
      </c>
      <c r="F31" s="19">
        <v>4</v>
      </c>
      <c r="G31" s="70">
        <v>8.8888888888888892E-2</v>
      </c>
      <c r="H31" s="129">
        <v>0</v>
      </c>
      <c r="I31" s="130">
        <v>0</v>
      </c>
      <c r="J31" s="54" t="s">
        <v>344</v>
      </c>
    </row>
    <row r="32" spans="1:10" ht="20.100000000000001" customHeight="1" x14ac:dyDescent="0.15">
      <c r="A32" s="39" t="s">
        <v>46</v>
      </c>
      <c r="B32" s="121">
        <v>54</v>
      </c>
      <c r="C32" s="122">
        <v>2</v>
      </c>
      <c r="D32" s="62">
        <v>3.7037037037037035E-2</v>
      </c>
      <c r="E32" s="121">
        <v>54</v>
      </c>
      <c r="F32" s="122">
        <v>2</v>
      </c>
      <c r="G32" s="70">
        <v>3.7037037037037035E-2</v>
      </c>
      <c r="H32" s="129">
        <v>0</v>
      </c>
      <c r="I32" s="130">
        <v>0</v>
      </c>
      <c r="J32" s="54" t="s">
        <v>344</v>
      </c>
    </row>
    <row r="33" spans="1:10" ht="20.100000000000001" customHeight="1" thickBot="1" x14ac:dyDescent="0.2">
      <c r="A33" s="40" t="s">
        <v>47</v>
      </c>
      <c r="B33" s="41">
        <v>15</v>
      </c>
      <c r="C33" s="42">
        <v>3</v>
      </c>
      <c r="D33" s="64">
        <v>0.2</v>
      </c>
      <c r="E33" s="41">
        <v>15</v>
      </c>
      <c r="F33" s="42">
        <v>3</v>
      </c>
      <c r="G33" s="72">
        <v>0.2</v>
      </c>
      <c r="H33" s="73">
        <v>0</v>
      </c>
      <c r="I33" s="131">
        <v>0</v>
      </c>
      <c r="J33" s="66" t="s">
        <v>344</v>
      </c>
    </row>
    <row r="34" spans="1:10" s="16" customFormat="1" ht="20.100000000000001" customHeight="1" thickTop="1" thickBot="1" x14ac:dyDescent="0.2">
      <c r="A34" s="132" t="s">
        <v>12</v>
      </c>
      <c r="B34" s="29">
        <v>1217</v>
      </c>
      <c r="C34" s="30">
        <v>134</v>
      </c>
      <c r="D34" s="126">
        <v>0.11010682004930156</v>
      </c>
      <c r="E34" s="29">
        <v>1216</v>
      </c>
      <c r="F34" s="30">
        <v>134</v>
      </c>
      <c r="G34" s="74">
        <v>0.11019736842105263</v>
      </c>
      <c r="H34" s="68">
        <v>1</v>
      </c>
      <c r="I34" s="69">
        <v>0</v>
      </c>
      <c r="J34" s="126">
        <v>0</v>
      </c>
    </row>
    <row r="35" spans="1:10" ht="20.100000000000001" customHeight="1" x14ac:dyDescent="0.15">
      <c r="E35" s="59"/>
      <c r="F35" s="59"/>
      <c r="G35" s="59"/>
      <c r="H35" s="59"/>
      <c r="I35" s="59"/>
    </row>
  </sheetData>
  <mergeCells count="12">
    <mergeCell ref="A24:A25"/>
    <mergeCell ref="B24:D24"/>
    <mergeCell ref="E24:G24"/>
    <mergeCell ref="H24:J24"/>
    <mergeCell ref="A4:A5"/>
    <mergeCell ref="B4:D4"/>
    <mergeCell ref="E4:G4"/>
    <mergeCell ref="H4:J4"/>
    <mergeCell ref="A15:A16"/>
    <mergeCell ref="B15:D15"/>
    <mergeCell ref="E15:G15"/>
    <mergeCell ref="H15:J15"/>
  </mergeCells>
  <phoneticPr fontId="1"/>
  <pageMargins left="0.82677165354330717" right="0.23622047244094491" top="0.74803149606299213" bottom="0.74803149606299213" header="0.31496062992125984" footer="0.31496062992125984"/>
  <pageSetup paperSize="9" scale="70" orientation="landscape" r:id="rId1"/>
  <headerFooter>
    <oddFooter>&amp;C&amp;P</oddFoot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37"/>
  <sheetViews>
    <sheetView view="pageBreakPreview" zoomScale="80" zoomScaleNormal="80" zoomScaleSheetLayoutView="80" zoomScalePageLayoutView="45" workbookViewId="0"/>
  </sheetViews>
  <sheetFormatPr defaultColWidth="7.625" defaultRowHeight="20.100000000000001" customHeight="1" x14ac:dyDescent="0.15"/>
  <cols>
    <col min="1" max="16384" width="7.625" style="2"/>
  </cols>
  <sheetData>
    <row r="1" spans="1:23" ht="20.100000000000001" customHeight="1" x14ac:dyDescent="0.15">
      <c r="A1" s="296" t="s">
        <v>355</v>
      </c>
    </row>
    <row r="2" spans="1:23" ht="20.100000000000001" customHeight="1" x14ac:dyDescent="0.15">
      <c r="A2" s="59"/>
    </row>
    <row r="3" spans="1:23" ht="20.100000000000001" customHeight="1" thickBot="1" x14ac:dyDescent="0.2">
      <c r="A3" s="2" t="s">
        <v>59</v>
      </c>
    </row>
    <row r="4" spans="1:23" ht="20.100000000000001" customHeight="1" thickBot="1" x14ac:dyDescent="0.2">
      <c r="A4" s="680" t="s">
        <v>8</v>
      </c>
      <c r="B4" s="682"/>
      <c r="C4" s="680" t="s">
        <v>340</v>
      </c>
      <c r="D4" s="681"/>
      <c r="E4" s="681"/>
      <c r="F4" s="681"/>
      <c r="G4" s="681"/>
      <c r="H4" s="681"/>
      <c r="I4" s="681"/>
      <c r="J4" s="681"/>
      <c r="K4" s="682"/>
      <c r="L4" s="680" t="s">
        <v>341</v>
      </c>
      <c r="M4" s="681"/>
      <c r="N4" s="681"/>
      <c r="O4" s="681"/>
      <c r="P4" s="681"/>
      <c r="Q4" s="681"/>
      <c r="R4" s="681"/>
      <c r="S4" s="681"/>
      <c r="T4" s="682"/>
      <c r="U4" s="677" t="s">
        <v>342</v>
      </c>
      <c r="V4" s="678"/>
      <c r="W4" s="679"/>
    </row>
    <row r="5" spans="1:23" ht="20.100000000000001" customHeight="1" x14ac:dyDescent="0.15">
      <c r="A5" s="698"/>
      <c r="B5" s="699"/>
      <c r="C5" s="692" t="s">
        <v>60</v>
      </c>
      <c r="D5" s="693"/>
      <c r="E5" s="694"/>
      <c r="F5" s="692" t="s">
        <v>61</v>
      </c>
      <c r="G5" s="693"/>
      <c r="H5" s="694"/>
      <c r="I5" s="692" t="s">
        <v>62</v>
      </c>
      <c r="J5" s="693"/>
      <c r="K5" s="694"/>
      <c r="L5" s="692" t="s">
        <v>60</v>
      </c>
      <c r="M5" s="693"/>
      <c r="N5" s="694"/>
      <c r="O5" s="692" t="s">
        <v>61</v>
      </c>
      <c r="P5" s="693"/>
      <c r="Q5" s="694"/>
      <c r="R5" s="692" t="s">
        <v>62</v>
      </c>
      <c r="S5" s="693"/>
      <c r="T5" s="694"/>
      <c r="U5" s="695"/>
      <c r="V5" s="696"/>
      <c r="W5" s="697"/>
    </row>
    <row r="6" spans="1:23" ht="20.100000000000001" customHeight="1" thickBot="1" x14ac:dyDescent="0.2">
      <c r="A6" s="700"/>
      <c r="B6" s="701"/>
      <c r="C6" s="162" t="s">
        <v>63</v>
      </c>
      <c r="D6" s="160" t="s">
        <v>64</v>
      </c>
      <c r="E6" s="161" t="s">
        <v>65</v>
      </c>
      <c r="F6" s="162" t="s">
        <v>63</v>
      </c>
      <c r="G6" s="160" t="s">
        <v>64</v>
      </c>
      <c r="H6" s="161" t="s">
        <v>65</v>
      </c>
      <c r="I6" s="162" t="s">
        <v>63</v>
      </c>
      <c r="J6" s="163" t="s">
        <v>64</v>
      </c>
      <c r="K6" s="170" t="s">
        <v>65</v>
      </c>
      <c r="L6" s="162" t="s">
        <v>63</v>
      </c>
      <c r="M6" s="160" t="s">
        <v>64</v>
      </c>
      <c r="N6" s="161" t="s">
        <v>65</v>
      </c>
      <c r="O6" s="162" t="s">
        <v>63</v>
      </c>
      <c r="P6" s="160" t="s">
        <v>64</v>
      </c>
      <c r="Q6" s="161" t="s">
        <v>65</v>
      </c>
      <c r="R6" s="162" t="s">
        <v>63</v>
      </c>
      <c r="S6" s="160" t="s">
        <v>64</v>
      </c>
      <c r="T6" s="161" t="s">
        <v>65</v>
      </c>
      <c r="U6" s="162" t="s">
        <v>63</v>
      </c>
      <c r="V6" s="160" t="s">
        <v>64</v>
      </c>
      <c r="W6" s="164" t="s">
        <v>65</v>
      </c>
    </row>
    <row r="7" spans="1:23" ht="20.100000000000001" customHeight="1" thickTop="1" x14ac:dyDescent="0.15">
      <c r="A7" s="698" t="s">
        <v>98</v>
      </c>
      <c r="B7" s="699"/>
      <c r="C7" s="60">
        <v>57</v>
      </c>
      <c r="D7" s="136">
        <v>15</v>
      </c>
      <c r="E7" s="137">
        <v>72</v>
      </c>
      <c r="F7" s="71">
        <v>48</v>
      </c>
      <c r="G7" s="138">
        <v>15</v>
      </c>
      <c r="H7" s="137">
        <v>63</v>
      </c>
      <c r="I7" s="71">
        <v>9</v>
      </c>
      <c r="J7" s="139">
        <v>0</v>
      </c>
      <c r="K7" s="171">
        <v>9</v>
      </c>
      <c r="L7" s="71">
        <v>252</v>
      </c>
      <c r="M7" s="138">
        <v>60</v>
      </c>
      <c r="N7" s="140">
        <v>312</v>
      </c>
      <c r="O7" s="71">
        <v>162</v>
      </c>
      <c r="P7" s="138">
        <v>34</v>
      </c>
      <c r="Q7" s="140">
        <v>196</v>
      </c>
      <c r="R7" s="71">
        <v>90</v>
      </c>
      <c r="S7" s="139">
        <v>26</v>
      </c>
      <c r="T7" s="171">
        <v>116</v>
      </c>
      <c r="U7" s="35">
        <v>309</v>
      </c>
      <c r="V7" s="141">
        <v>75</v>
      </c>
      <c r="W7" s="137">
        <v>384</v>
      </c>
    </row>
    <row r="8" spans="1:23" ht="20.100000000000001" customHeight="1" x14ac:dyDescent="0.15">
      <c r="A8" s="702" t="s">
        <v>99</v>
      </c>
      <c r="B8" s="703"/>
      <c r="C8" s="121">
        <v>139</v>
      </c>
      <c r="D8" s="142">
        <v>69</v>
      </c>
      <c r="E8" s="143">
        <v>208</v>
      </c>
      <c r="F8" s="18">
        <v>130</v>
      </c>
      <c r="G8" s="144">
        <v>63</v>
      </c>
      <c r="H8" s="143">
        <v>193</v>
      </c>
      <c r="I8" s="18">
        <v>9</v>
      </c>
      <c r="J8" s="144">
        <v>6</v>
      </c>
      <c r="K8" s="172">
        <v>15</v>
      </c>
      <c r="L8" s="18">
        <v>411</v>
      </c>
      <c r="M8" s="144">
        <v>165</v>
      </c>
      <c r="N8" s="145">
        <v>576</v>
      </c>
      <c r="O8" s="18">
        <v>279</v>
      </c>
      <c r="P8" s="144">
        <v>119</v>
      </c>
      <c r="Q8" s="145">
        <v>398</v>
      </c>
      <c r="R8" s="18">
        <v>132</v>
      </c>
      <c r="S8" s="144">
        <v>46</v>
      </c>
      <c r="T8" s="172">
        <v>178</v>
      </c>
      <c r="U8" s="121">
        <v>550</v>
      </c>
      <c r="V8" s="146">
        <v>234</v>
      </c>
      <c r="W8" s="137">
        <v>784</v>
      </c>
    </row>
    <row r="9" spans="1:23" ht="20.100000000000001" customHeight="1" x14ac:dyDescent="0.15">
      <c r="A9" s="702" t="s">
        <v>100</v>
      </c>
      <c r="B9" s="703"/>
      <c r="C9" s="121">
        <v>108</v>
      </c>
      <c r="D9" s="142">
        <v>49</v>
      </c>
      <c r="E9" s="143">
        <v>157</v>
      </c>
      <c r="F9" s="18">
        <v>101</v>
      </c>
      <c r="G9" s="144">
        <v>48</v>
      </c>
      <c r="H9" s="143">
        <v>149</v>
      </c>
      <c r="I9" s="18">
        <v>7</v>
      </c>
      <c r="J9" s="144">
        <v>1</v>
      </c>
      <c r="K9" s="172">
        <v>8</v>
      </c>
      <c r="L9" s="18">
        <v>311</v>
      </c>
      <c r="M9" s="144">
        <v>154</v>
      </c>
      <c r="N9" s="145">
        <v>465</v>
      </c>
      <c r="O9" s="18">
        <v>255</v>
      </c>
      <c r="P9" s="144">
        <v>129</v>
      </c>
      <c r="Q9" s="145">
        <v>384</v>
      </c>
      <c r="R9" s="18">
        <v>56</v>
      </c>
      <c r="S9" s="144">
        <v>25</v>
      </c>
      <c r="T9" s="172">
        <v>81</v>
      </c>
      <c r="U9" s="121">
        <v>419</v>
      </c>
      <c r="V9" s="146">
        <v>203</v>
      </c>
      <c r="W9" s="137">
        <v>622</v>
      </c>
    </row>
    <row r="10" spans="1:23" ht="20.100000000000001" customHeight="1" x14ac:dyDescent="0.15">
      <c r="A10" s="704" t="s">
        <v>101</v>
      </c>
      <c r="B10" s="705"/>
      <c r="C10" s="121">
        <v>51</v>
      </c>
      <c r="D10" s="142">
        <v>58</v>
      </c>
      <c r="E10" s="143">
        <v>109</v>
      </c>
      <c r="F10" s="18">
        <v>46</v>
      </c>
      <c r="G10" s="144">
        <v>57</v>
      </c>
      <c r="H10" s="143">
        <v>103</v>
      </c>
      <c r="I10" s="18">
        <v>5</v>
      </c>
      <c r="J10" s="144">
        <v>1</v>
      </c>
      <c r="K10" s="172">
        <v>6</v>
      </c>
      <c r="L10" s="18">
        <v>83</v>
      </c>
      <c r="M10" s="144">
        <v>99</v>
      </c>
      <c r="N10" s="145">
        <v>182</v>
      </c>
      <c r="O10" s="18">
        <v>61</v>
      </c>
      <c r="P10" s="144">
        <v>90</v>
      </c>
      <c r="Q10" s="145">
        <v>151</v>
      </c>
      <c r="R10" s="18">
        <v>22</v>
      </c>
      <c r="S10" s="144">
        <v>9</v>
      </c>
      <c r="T10" s="172">
        <v>31</v>
      </c>
      <c r="U10" s="121">
        <v>134</v>
      </c>
      <c r="V10" s="146">
        <v>157</v>
      </c>
      <c r="W10" s="137">
        <v>291</v>
      </c>
    </row>
    <row r="11" spans="1:23" s="16" customFormat="1" ht="20.100000000000001" customHeight="1" x14ac:dyDescent="0.15">
      <c r="A11" s="698" t="s">
        <v>102</v>
      </c>
      <c r="B11" s="699"/>
      <c r="C11" s="18">
        <v>49</v>
      </c>
      <c r="D11" s="144">
        <v>64</v>
      </c>
      <c r="E11" s="145">
        <v>113</v>
      </c>
      <c r="F11" s="18">
        <v>40</v>
      </c>
      <c r="G11" s="144">
        <v>55</v>
      </c>
      <c r="H11" s="145">
        <v>95</v>
      </c>
      <c r="I11" s="18">
        <v>9</v>
      </c>
      <c r="J11" s="144">
        <v>9</v>
      </c>
      <c r="K11" s="172">
        <v>18</v>
      </c>
      <c r="L11" s="18">
        <v>107</v>
      </c>
      <c r="M11" s="144">
        <v>92</v>
      </c>
      <c r="N11" s="145">
        <v>199</v>
      </c>
      <c r="O11" s="18">
        <v>64</v>
      </c>
      <c r="P11" s="144">
        <v>82</v>
      </c>
      <c r="Q11" s="145">
        <v>146</v>
      </c>
      <c r="R11" s="18">
        <v>43</v>
      </c>
      <c r="S11" s="144">
        <v>10</v>
      </c>
      <c r="T11" s="172">
        <v>53</v>
      </c>
      <c r="U11" s="18">
        <v>156</v>
      </c>
      <c r="V11" s="147">
        <v>156</v>
      </c>
      <c r="W11" s="140">
        <v>312</v>
      </c>
    </row>
    <row r="12" spans="1:23" ht="20.100000000000001" customHeight="1" thickBot="1" x14ac:dyDescent="0.2">
      <c r="A12" s="706" t="s">
        <v>11</v>
      </c>
      <c r="B12" s="707"/>
      <c r="C12" s="41">
        <v>75</v>
      </c>
      <c r="D12" s="148">
        <v>157</v>
      </c>
      <c r="E12" s="149">
        <v>232</v>
      </c>
      <c r="F12" s="45">
        <v>70</v>
      </c>
      <c r="G12" s="150">
        <v>152</v>
      </c>
      <c r="H12" s="149">
        <v>222</v>
      </c>
      <c r="I12" s="45">
        <v>5</v>
      </c>
      <c r="J12" s="150">
        <v>5</v>
      </c>
      <c r="K12" s="173">
        <v>10</v>
      </c>
      <c r="L12" s="45">
        <v>70</v>
      </c>
      <c r="M12" s="150">
        <v>136</v>
      </c>
      <c r="N12" s="151">
        <v>206</v>
      </c>
      <c r="O12" s="45">
        <v>44</v>
      </c>
      <c r="P12" s="150">
        <v>109</v>
      </c>
      <c r="Q12" s="151">
        <v>153</v>
      </c>
      <c r="R12" s="45">
        <v>26</v>
      </c>
      <c r="S12" s="150">
        <v>27</v>
      </c>
      <c r="T12" s="173">
        <v>53</v>
      </c>
      <c r="U12" s="41">
        <v>145</v>
      </c>
      <c r="V12" s="152">
        <v>293</v>
      </c>
      <c r="W12" s="165">
        <v>438</v>
      </c>
    </row>
    <row r="13" spans="1:23" s="16" customFormat="1" ht="20.100000000000001" customHeight="1" thickTop="1" thickBot="1" x14ac:dyDescent="0.2">
      <c r="A13" s="708" t="s">
        <v>16</v>
      </c>
      <c r="B13" s="709"/>
      <c r="C13" s="166">
        <v>479</v>
      </c>
      <c r="D13" s="167">
        <v>412</v>
      </c>
      <c r="E13" s="168">
        <v>891</v>
      </c>
      <c r="F13" s="166">
        <v>435</v>
      </c>
      <c r="G13" s="167">
        <v>390</v>
      </c>
      <c r="H13" s="168">
        <v>825</v>
      </c>
      <c r="I13" s="166">
        <v>44</v>
      </c>
      <c r="J13" s="167">
        <v>22</v>
      </c>
      <c r="K13" s="174">
        <v>66</v>
      </c>
      <c r="L13" s="166">
        <v>1234</v>
      </c>
      <c r="M13" s="167">
        <v>706</v>
      </c>
      <c r="N13" s="168">
        <v>1940</v>
      </c>
      <c r="O13" s="166">
        <v>865</v>
      </c>
      <c r="P13" s="167">
        <v>563</v>
      </c>
      <c r="Q13" s="168">
        <v>1428</v>
      </c>
      <c r="R13" s="166">
        <v>369</v>
      </c>
      <c r="S13" s="167">
        <v>143</v>
      </c>
      <c r="T13" s="168">
        <v>512</v>
      </c>
      <c r="U13" s="166">
        <v>1713</v>
      </c>
      <c r="V13" s="167">
        <v>1118</v>
      </c>
      <c r="W13" s="168">
        <v>2831</v>
      </c>
    </row>
    <row r="14" spans="1:23" ht="20.100000000000001" customHeight="1" x14ac:dyDescent="0.15">
      <c r="B14" s="153"/>
      <c r="C14" s="154"/>
      <c r="D14" s="154"/>
      <c r="E14" s="154"/>
      <c r="Q14" s="154"/>
      <c r="R14" s="154"/>
      <c r="S14" s="154"/>
      <c r="T14" s="155"/>
      <c r="U14" s="154"/>
      <c r="V14" s="154"/>
      <c r="W14" s="154"/>
    </row>
    <row r="15" spans="1:23" ht="20.100000000000001" customHeight="1" thickBot="1" x14ac:dyDescent="0.2">
      <c r="A15" s="2" t="s">
        <v>66</v>
      </c>
    </row>
    <row r="16" spans="1:23" ht="20.100000000000001" customHeight="1" thickBot="1" x14ac:dyDescent="0.2">
      <c r="A16" s="683" t="s">
        <v>82</v>
      </c>
      <c r="B16" s="685"/>
      <c r="C16" s="680" t="s">
        <v>340</v>
      </c>
      <c r="D16" s="681"/>
      <c r="E16" s="681"/>
      <c r="F16" s="681"/>
      <c r="G16" s="681"/>
      <c r="H16" s="681"/>
      <c r="I16" s="681"/>
      <c r="J16" s="681"/>
      <c r="K16" s="682"/>
      <c r="L16" s="680" t="s">
        <v>341</v>
      </c>
      <c r="M16" s="681"/>
      <c r="N16" s="681"/>
      <c r="O16" s="681"/>
      <c r="P16" s="681"/>
      <c r="Q16" s="681"/>
      <c r="R16" s="681"/>
      <c r="S16" s="681"/>
      <c r="T16" s="682"/>
      <c r="U16" s="683" t="s">
        <v>342</v>
      </c>
      <c r="V16" s="684"/>
      <c r="W16" s="685"/>
    </row>
    <row r="17" spans="1:23" ht="20.100000000000001" customHeight="1" thickBot="1" x14ac:dyDescent="0.2">
      <c r="A17" s="686"/>
      <c r="B17" s="688"/>
      <c r="C17" s="689" t="s">
        <v>60</v>
      </c>
      <c r="D17" s="690"/>
      <c r="E17" s="691"/>
      <c r="F17" s="689" t="s">
        <v>61</v>
      </c>
      <c r="G17" s="690"/>
      <c r="H17" s="691"/>
      <c r="I17" s="689" t="s">
        <v>62</v>
      </c>
      <c r="J17" s="690"/>
      <c r="K17" s="691"/>
      <c r="L17" s="689" t="s">
        <v>60</v>
      </c>
      <c r="M17" s="690"/>
      <c r="N17" s="691"/>
      <c r="O17" s="689" t="s">
        <v>61</v>
      </c>
      <c r="P17" s="690"/>
      <c r="Q17" s="691"/>
      <c r="R17" s="692" t="s">
        <v>62</v>
      </c>
      <c r="S17" s="693"/>
      <c r="T17" s="694"/>
      <c r="U17" s="686"/>
      <c r="V17" s="687"/>
      <c r="W17" s="688"/>
    </row>
    <row r="18" spans="1:23" ht="20.100000000000001" customHeight="1" thickBot="1" x14ac:dyDescent="0.2">
      <c r="A18" s="710"/>
      <c r="B18" s="711"/>
      <c r="C18" s="162" t="s">
        <v>63</v>
      </c>
      <c r="D18" s="160" t="s">
        <v>64</v>
      </c>
      <c r="E18" s="161" t="s">
        <v>65</v>
      </c>
      <c r="F18" s="162" t="s">
        <v>63</v>
      </c>
      <c r="G18" s="160" t="s">
        <v>64</v>
      </c>
      <c r="H18" s="161" t="s">
        <v>65</v>
      </c>
      <c r="I18" s="162" t="s">
        <v>63</v>
      </c>
      <c r="J18" s="160" t="s">
        <v>64</v>
      </c>
      <c r="K18" s="161" t="s">
        <v>65</v>
      </c>
      <c r="L18" s="162" t="s">
        <v>63</v>
      </c>
      <c r="M18" s="160" t="s">
        <v>64</v>
      </c>
      <c r="N18" s="161" t="s">
        <v>65</v>
      </c>
      <c r="O18" s="162" t="s">
        <v>63</v>
      </c>
      <c r="P18" s="160" t="s">
        <v>64</v>
      </c>
      <c r="Q18" s="161" t="s">
        <v>65</v>
      </c>
      <c r="R18" s="162" t="s">
        <v>63</v>
      </c>
      <c r="S18" s="160" t="s">
        <v>64</v>
      </c>
      <c r="T18" s="161" t="s">
        <v>65</v>
      </c>
      <c r="U18" s="135" t="s">
        <v>63</v>
      </c>
      <c r="V18" s="134" t="s">
        <v>64</v>
      </c>
      <c r="W18" s="181" t="s">
        <v>65</v>
      </c>
    </row>
    <row r="19" spans="1:23" ht="20.100000000000001" customHeight="1" thickTop="1" x14ac:dyDescent="0.15">
      <c r="A19" s="712" t="s">
        <v>18</v>
      </c>
      <c r="B19" s="713"/>
      <c r="C19" s="35">
        <v>1</v>
      </c>
      <c r="D19" s="156">
        <v>3</v>
      </c>
      <c r="E19" s="137">
        <v>4</v>
      </c>
      <c r="F19" s="71">
        <v>1</v>
      </c>
      <c r="G19" s="138">
        <v>3</v>
      </c>
      <c r="H19" s="137">
        <v>4</v>
      </c>
      <c r="I19" s="71">
        <v>0</v>
      </c>
      <c r="J19" s="139">
        <v>0</v>
      </c>
      <c r="K19" s="178">
        <v>0</v>
      </c>
      <c r="L19" s="60">
        <v>6</v>
      </c>
      <c r="M19" s="136">
        <v>3</v>
      </c>
      <c r="N19" s="137">
        <v>9</v>
      </c>
      <c r="O19" s="71">
        <v>5</v>
      </c>
      <c r="P19" s="138">
        <v>1</v>
      </c>
      <c r="Q19" s="137">
        <v>6</v>
      </c>
      <c r="R19" s="71">
        <v>1</v>
      </c>
      <c r="S19" s="139">
        <v>2</v>
      </c>
      <c r="T19" s="178">
        <v>3</v>
      </c>
      <c r="U19" s="60">
        <v>7</v>
      </c>
      <c r="V19" s="157">
        <v>6</v>
      </c>
      <c r="W19" s="137">
        <v>13</v>
      </c>
    </row>
    <row r="20" spans="1:23" ht="20.100000000000001" customHeight="1" x14ac:dyDescent="0.15">
      <c r="A20" s="714" t="s">
        <v>19</v>
      </c>
      <c r="B20" s="715"/>
      <c r="C20" s="121">
        <v>9</v>
      </c>
      <c r="D20" s="142">
        <v>32</v>
      </c>
      <c r="E20" s="143">
        <v>41</v>
      </c>
      <c r="F20" s="18">
        <v>6</v>
      </c>
      <c r="G20" s="144">
        <v>26</v>
      </c>
      <c r="H20" s="143">
        <v>32</v>
      </c>
      <c r="I20" s="18">
        <v>3</v>
      </c>
      <c r="J20" s="144">
        <v>6</v>
      </c>
      <c r="K20" s="179">
        <v>9</v>
      </c>
      <c r="L20" s="121">
        <v>15</v>
      </c>
      <c r="M20" s="142">
        <v>22</v>
      </c>
      <c r="N20" s="143">
        <v>37</v>
      </c>
      <c r="O20" s="18">
        <v>4</v>
      </c>
      <c r="P20" s="144">
        <v>14</v>
      </c>
      <c r="Q20" s="143">
        <v>18</v>
      </c>
      <c r="R20" s="18">
        <v>11</v>
      </c>
      <c r="S20" s="144">
        <v>8</v>
      </c>
      <c r="T20" s="179">
        <v>19</v>
      </c>
      <c r="U20" s="121">
        <v>24</v>
      </c>
      <c r="V20" s="146">
        <v>54</v>
      </c>
      <c r="W20" s="143">
        <v>78</v>
      </c>
    </row>
    <row r="21" spans="1:23" ht="20.100000000000001" customHeight="1" x14ac:dyDescent="0.15">
      <c r="A21" s="714" t="s">
        <v>20</v>
      </c>
      <c r="B21" s="715"/>
      <c r="C21" s="121">
        <v>456</v>
      </c>
      <c r="D21" s="142">
        <v>371</v>
      </c>
      <c r="E21" s="143">
        <v>827</v>
      </c>
      <c r="F21" s="18">
        <v>416</v>
      </c>
      <c r="G21" s="144">
        <v>356</v>
      </c>
      <c r="H21" s="143">
        <v>772</v>
      </c>
      <c r="I21" s="18">
        <v>40</v>
      </c>
      <c r="J21" s="144">
        <v>15</v>
      </c>
      <c r="K21" s="179">
        <v>55</v>
      </c>
      <c r="L21" s="121">
        <v>1127</v>
      </c>
      <c r="M21" s="142">
        <v>639</v>
      </c>
      <c r="N21" s="143">
        <v>1766</v>
      </c>
      <c r="O21" s="18">
        <v>804</v>
      </c>
      <c r="P21" s="144">
        <v>519</v>
      </c>
      <c r="Q21" s="143">
        <v>1323</v>
      </c>
      <c r="R21" s="18">
        <v>323</v>
      </c>
      <c r="S21" s="144">
        <v>120</v>
      </c>
      <c r="T21" s="179">
        <v>443</v>
      </c>
      <c r="U21" s="121">
        <v>1583</v>
      </c>
      <c r="V21" s="146">
        <v>1010</v>
      </c>
      <c r="W21" s="143">
        <v>2593</v>
      </c>
    </row>
    <row r="22" spans="1:23" ht="20.100000000000001" customHeight="1" thickBot="1" x14ac:dyDescent="0.2">
      <c r="A22" s="716" t="s">
        <v>21</v>
      </c>
      <c r="B22" s="717"/>
      <c r="C22" s="41">
        <v>13</v>
      </c>
      <c r="D22" s="148">
        <v>6</v>
      </c>
      <c r="E22" s="149">
        <v>19</v>
      </c>
      <c r="F22" s="45">
        <v>12</v>
      </c>
      <c r="G22" s="150">
        <v>5</v>
      </c>
      <c r="H22" s="149">
        <v>17</v>
      </c>
      <c r="I22" s="45">
        <v>1</v>
      </c>
      <c r="J22" s="150">
        <v>1</v>
      </c>
      <c r="K22" s="180">
        <v>2</v>
      </c>
      <c r="L22" s="41">
        <v>86</v>
      </c>
      <c r="M22" s="148">
        <v>42</v>
      </c>
      <c r="N22" s="149">
        <v>128</v>
      </c>
      <c r="O22" s="45">
        <v>52</v>
      </c>
      <c r="P22" s="150">
        <v>29</v>
      </c>
      <c r="Q22" s="149">
        <v>81</v>
      </c>
      <c r="R22" s="45">
        <v>34</v>
      </c>
      <c r="S22" s="150">
        <v>13</v>
      </c>
      <c r="T22" s="180">
        <v>47</v>
      </c>
      <c r="U22" s="41">
        <v>99</v>
      </c>
      <c r="V22" s="152">
        <v>48</v>
      </c>
      <c r="W22" s="149">
        <v>147</v>
      </c>
    </row>
    <row r="23" spans="1:23" s="16" customFormat="1" ht="20.100000000000001" customHeight="1" thickTop="1" thickBot="1" x14ac:dyDescent="0.2">
      <c r="A23" s="718" t="s">
        <v>58</v>
      </c>
      <c r="B23" s="719"/>
      <c r="C23" s="166">
        <v>479</v>
      </c>
      <c r="D23" s="167">
        <v>412</v>
      </c>
      <c r="E23" s="168">
        <v>891</v>
      </c>
      <c r="F23" s="166">
        <v>435</v>
      </c>
      <c r="G23" s="167">
        <v>390</v>
      </c>
      <c r="H23" s="168">
        <v>825</v>
      </c>
      <c r="I23" s="166">
        <v>44</v>
      </c>
      <c r="J23" s="167">
        <v>22</v>
      </c>
      <c r="K23" s="174">
        <v>66</v>
      </c>
      <c r="L23" s="166">
        <v>1234</v>
      </c>
      <c r="M23" s="167">
        <v>706</v>
      </c>
      <c r="N23" s="168">
        <v>1940</v>
      </c>
      <c r="O23" s="166">
        <v>865</v>
      </c>
      <c r="P23" s="167">
        <v>563</v>
      </c>
      <c r="Q23" s="168">
        <v>1428</v>
      </c>
      <c r="R23" s="166">
        <v>369</v>
      </c>
      <c r="S23" s="167">
        <v>143</v>
      </c>
      <c r="T23" s="168">
        <v>512</v>
      </c>
      <c r="U23" s="166">
        <v>1713</v>
      </c>
      <c r="V23" s="167">
        <v>1118</v>
      </c>
      <c r="W23" s="168">
        <v>2831</v>
      </c>
    </row>
    <row r="24" spans="1:23" ht="20.100000000000001" customHeight="1" x14ac:dyDescent="0.15">
      <c r="F24" s="154"/>
      <c r="G24" s="154"/>
      <c r="H24" s="154"/>
      <c r="I24" s="154"/>
      <c r="J24" s="154"/>
      <c r="K24" s="155"/>
      <c r="L24" s="154"/>
      <c r="M24" s="154"/>
      <c r="N24" s="154"/>
      <c r="O24" s="154"/>
      <c r="P24" s="154"/>
    </row>
    <row r="25" spans="1:23" ht="20.100000000000001" customHeight="1" thickBot="1" x14ac:dyDescent="0.2">
      <c r="A25" s="2" t="s">
        <v>150</v>
      </c>
    </row>
    <row r="26" spans="1:23" ht="20.100000000000001" customHeight="1" thickBot="1" x14ac:dyDescent="0.2">
      <c r="A26" s="680" t="s">
        <v>209</v>
      </c>
      <c r="B26" s="682"/>
      <c r="C26" s="680" t="s">
        <v>340</v>
      </c>
      <c r="D26" s="681"/>
      <c r="E26" s="681"/>
      <c r="F26" s="681"/>
      <c r="G26" s="681"/>
      <c r="H26" s="681"/>
      <c r="I26" s="681"/>
      <c r="J26" s="681"/>
      <c r="K26" s="682"/>
      <c r="L26" s="680" t="s">
        <v>341</v>
      </c>
      <c r="M26" s="681"/>
      <c r="N26" s="681"/>
      <c r="O26" s="681"/>
      <c r="P26" s="681"/>
      <c r="Q26" s="681"/>
      <c r="R26" s="681"/>
      <c r="S26" s="681"/>
      <c r="T26" s="682"/>
      <c r="U26" s="677" t="s">
        <v>342</v>
      </c>
      <c r="V26" s="678"/>
      <c r="W26" s="679"/>
    </row>
    <row r="27" spans="1:23" ht="20.100000000000001" customHeight="1" x14ac:dyDescent="0.15">
      <c r="A27" s="698"/>
      <c r="B27" s="699"/>
      <c r="C27" s="692" t="s">
        <v>60</v>
      </c>
      <c r="D27" s="693"/>
      <c r="E27" s="694"/>
      <c r="F27" s="692" t="s">
        <v>61</v>
      </c>
      <c r="G27" s="693"/>
      <c r="H27" s="694"/>
      <c r="I27" s="692" t="s">
        <v>62</v>
      </c>
      <c r="J27" s="693"/>
      <c r="K27" s="694"/>
      <c r="L27" s="692" t="s">
        <v>60</v>
      </c>
      <c r="M27" s="693"/>
      <c r="N27" s="694"/>
      <c r="O27" s="692" t="s">
        <v>61</v>
      </c>
      <c r="P27" s="693"/>
      <c r="Q27" s="694"/>
      <c r="R27" s="692" t="s">
        <v>62</v>
      </c>
      <c r="S27" s="693"/>
      <c r="T27" s="694"/>
      <c r="U27" s="695"/>
      <c r="V27" s="696"/>
      <c r="W27" s="697"/>
    </row>
    <row r="28" spans="1:23" ht="20.100000000000001" customHeight="1" thickBot="1" x14ac:dyDescent="0.2">
      <c r="A28" s="700"/>
      <c r="B28" s="701"/>
      <c r="C28" s="162" t="s">
        <v>63</v>
      </c>
      <c r="D28" s="160" t="s">
        <v>64</v>
      </c>
      <c r="E28" s="161" t="s">
        <v>65</v>
      </c>
      <c r="F28" s="162" t="s">
        <v>63</v>
      </c>
      <c r="G28" s="160" t="s">
        <v>64</v>
      </c>
      <c r="H28" s="161" t="s">
        <v>65</v>
      </c>
      <c r="I28" s="162" t="s">
        <v>63</v>
      </c>
      <c r="J28" s="163" t="s">
        <v>64</v>
      </c>
      <c r="K28" s="170" t="s">
        <v>65</v>
      </c>
      <c r="L28" s="162" t="s">
        <v>63</v>
      </c>
      <c r="M28" s="160" t="s">
        <v>64</v>
      </c>
      <c r="N28" s="161" t="s">
        <v>65</v>
      </c>
      <c r="O28" s="162" t="s">
        <v>63</v>
      </c>
      <c r="P28" s="160" t="s">
        <v>64</v>
      </c>
      <c r="Q28" s="161" t="s">
        <v>65</v>
      </c>
      <c r="R28" s="162" t="s">
        <v>63</v>
      </c>
      <c r="S28" s="160" t="s">
        <v>64</v>
      </c>
      <c r="T28" s="161" t="s">
        <v>65</v>
      </c>
      <c r="U28" s="162" t="s">
        <v>63</v>
      </c>
      <c r="V28" s="160" t="s">
        <v>64</v>
      </c>
      <c r="W28" s="640" t="s">
        <v>65</v>
      </c>
    </row>
    <row r="29" spans="1:23" ht="20.100000000000001" customHeight="1" thickTop="1" x14ac:dyDescent="0.15">
      <c r="A29" s="720" t="s">
        <v>40</v>
      </c>
      <c r="B29" s="721"/>
      <c r="C29" s="60">
        <v>198</v>
      </c>
      <c r="D29" s="136">
        <v>152</v>
      </c>
      <c r="E29" s="137">
        <v>350</v>
      </c>
      <c r="F29" s="71">
        <v>181</v>
      </c>
      <c r="G29" s="138">
        <v>143</v>
      </c>
      <c r="H29" s="137">
        <v>324</v>
      </c>
      <c r="I29" s="71">
        <v>17</v>
      </c>
      <c r="J29" s="139">
        <v>9</v>
      </c>
      <c r="K29" s="171">
        <v>26</v>
      </c>
      <c r="L29" s="71">
        <v>458</v>
      </c>
      <c r="M29" s="138">
        <v>275</v>
      </c>
      <c r="N29" s="140">
        <v>733</v>
      </c>
      <c r="O29" s="71">
        <v>328</v>
      </c>
      <c r="P29" s="138">
        <v>201</v>
      </c>
      <c r="Q29" s="140">
        <v>529</v>
      </c>
      <c r="R29" s="71">
        <v>130</v>
      </c>
      <c r="S29" s="139">
        <v>74</v>
      </c>
      <c r="T29" s="171">
        <v>204</v>
      </c>
      <c r="U29" s="35">
        <v>656</v>
      </c>
      <c r="V29" s="141">
        <v>427</v>
      </c>
      <c r="W29" s="137">
        <v>1083</v>
      </c>
    </row>
    <row r="30" spans="1:23" ht="20.100000000000001" customHeight="1" x14ac:dyDescent="0.15">
      <c r="A30" s="704" t="s">
        <v>151</v>
      </c>
      <c r="B30" s="705"/>
      <c r="C30" s="121">
        <v>65</v>
      </c>
      <c r="D30" s="142">
        <v>151</v>
      </c>
      <c r="E30" s="143">
        <v>216</v>
      </c>
      <c r="F30" s="18">
        <v>61</v>
      </c>
      <c r="G30" s="144">
        <v>146</v>
      </c>
      <c r="H30" s="143">
        <v>207</v>
      </c>
      <c r="I30" s="18">
        <v>4</v>
      </c>
      <c r="J30" s="144">
        <v>5</v>
      </c>
      <c r="K30" s="172">
        <v>9</v>
      </c>
      <c r="L30" s="18">
        <v>169</v>
      </c>
      <c r="M30" s="144">
        <v>192</v>
      </c>
      <c r="N30" s="145">
        <v>361</v>
      </c>
      <c r="O30" s="18">
        <v>95</v>
      </c>
      <c r="P30" s="144">
        <v>156</v>
      </c>
      <c r="Q30" s="145">
        <v>251</v>
      </c>
      <c r="R30" s="18">
        <v>74</v>
      </c>
      <c r="S30" s="144">
        <v>36</v>
      </c>
      <c r="T30" s="172">
        <v>110</v>
      </c>
      <c r="U30" s="121">
        <v>234</v>
      </c>
      <c r="V30" s="146">
        <v>343</v>
      </c>
      <c r="W30" s="137">
        <v>577</v>
      </c>
    </row>
    <row r="31" spans="1:23" ht="20.100000000000001" customHeight="1" x14ac:dyDescent="0.15">
      <c r="A31" s="704" t="s">
        <v>42</v>
      </c>
      <c r="B31" s="705"/>
      <c r="C31" s="121">
        <v>30</v>
      </c>
      <c r="D31" s="142">
        <v>34</v>
      </c>
      <c r="E31" s="143">
        <v>64</v>
      </c>
      <c r="F31" s="18">
        <v>28</v>
      </c>
      <c r="G31" s="144">
        <v>30</v>
      </c>
      <c r="H31" s="143">
        <v>58</v>
      </c>
      <c r="I31" s="18">
        <v>2</v>
      </c>
      <c r="J31" s="144">
        <v>4</v>
      </c>
      <c r="K31" s="172">
        <v>6</v>
      </c>
      <c r="L31" s="18">
        <v>128</v>
      </c>
      <c r="M31" s="144">
        <v>66</v>
      </c>
      <c r="N31" s="145">
        <v>194</v>
      </c>
      <c r="O31" s="18">
        <v>93</v>
      </c>
      <c r="P31" s="144">
        <v>57</v>
      </c>
      <c r="Q31" s="145">
        <v>150</v>
      </c>
      <c r="R31" s="18">
        <v>35</v>
      </c>
      <c r="S31" s="144">
        <v>9</v>
      </c>
      <c r="T31" s="172">
        <v>44</v>
      </c>
      <c r="U31" s="121">
        <v>158</v>
      </c>
      <c r="V31" s="146">
        <v>100</v>
      </c>
      <c r="W31" s="137">
        <v>258</v>
      </c>
    </row>
    <row r="32" spans="1:23" ht="20.100000000000001" customHeight="1" x14ac:dyDescent="0.15">
      <c r="A32" s="704" t="s">
        <v>43</v>
      </c>
      <c r="B32" s="705"/>
      <c r="C32" s="121">
        <v>24</v>
      </c>
      <c r="D32" s="142">
        <v>10</v>
      </c>
      <c r="E32" s="143">
        <v>34</v>
      </c>
      <c r="F32" s="18">
        <v>23</v>
      </c>
      <c r="G32" s="144">
        <v>9</v>
      </c>
      <c r="H32" s="143">
        <v>32</v>
      </c>
      <c r="I32" s="18">
        <v>1</v>
      </c>
      <c r="J32" s="144">
        <v>1</v>
      </c>
      <c r="K32" s="172">
        <v>2</v>
      </c>
      <c r="L32" s="18">
        <v>84</v>
      </c>
      <c r="M32" s="144">
        <v>24</v>
      </c>
      <c r="N32" s="145">
        <v>108</v>
      </c>
      <c r="O32" s="18">
        <v>59</v>
      </c>
      <c r="P32" s="144">
        <v>19</v>
      </c>
      <c r="Q32" s="145">
        <v>78</v>
      </c>
      <c r="R32" s="18">
        <v>25</v>
      </c>
      <c r="S32" s="144">
        <v>5</v>
      </c>
      <c r="T32" s="172">
        <v>30</v>
      </c>
      <c r="U32" s="121">
        <v>108</v>
      </c>
      <c r="V32" s="146">
        <v>34</v>
      </c>
      <c r="W32" s="137">
        <v>142</v>
      </c>
    </row>
    <row r="33" spans="1:23" ht="20.100000000000001" customHeight="1" x14ac:dyDescent="0.15">
      <c r="A33" s="704" t="s">
        <v>44</v>
      </c>
      <c r="B33" s="705"/>
      <c r="C33" s="121">
        <v>48</v>
      </c>
      <c r="D33" s="142">
        <v>26</v>
      </c>
      <c r="E33" s="143">
        <v>74</v>
      </c>
      <c r="F33" s="18">
        <v>46</v>
      </c>
      <c r="G33" s="144">
        <v>26</v>
      </c>
      <c r="H33" s="143">
        <v>72</v>
      </c>
      <c r="I33" s="18">
        <v>2</v>
      </c>
      <c r="J33" s="144">
        <v>0</v>
      </c>
      <c r="K33" s="172">
        <v>2</v>
      </c>
      <c r="L33" s="18">
        <v>109</v>
      </c>
      <c r="M33" s="144">
        <v>28</v>
      </c>
      <c r="N33" s="145">
        <v>137</v>
      </c>
      <c r="O33" s="18">
        <v>97</v>
      </c>
      <c r="P33" s="144">
        <v>25</v>
      </c>
      <c r="Q33" s="145">
        <v>122</v>
      </c>
      <c r="R33" s="18">
        <v>12</v>
      </c>
      <c r="S33" s="144">
        <v>3</v>
      </c>
      <c r="T33" s="172">
        <v>15</v>
      </c>
      <c r="U33" s="121">
        <v>157</v>
      </c>
      <c r="V33" s="146">
        <v>54</v>
      </c>
      <c r="W33" s="137">
        <v>211</v>
      </c>
    </row>
    <row r="34" spans="1:23" ht="20.100000000000001" customHeight="1" x14ac:dyDescent="0.15">
      <c r="A34" s="698" t="s">
        <v>45</v>
      </c>
      <c r="B34" s="699"/>
      <c r="C34" s="121">
        <v>24</v>
      </c>
      <c r="D34" s="142">
        <v>6</v>
      </c>
      <c r="E34" s="143">
        <v>30</v>
      </c>
      <c r="F34" s="18">
        <v>20</v>
      </c>
      <c r="G34" s="144">
        <v>5</v>
      </c>
      <c r="H34" s="143">
        <v>25</v>
      </c>
      <c r="I34" s="18">
        <v>4</v>
      </c>
      <c r="J34" s="144">
        <v>1</v>
      </c>
      <c r="K34" s="172">
        <v>5</v>
      </c>
      <c r="L34" s="18">
        <v>44</v>
      </c>
      <c r="M34" s="144">
        <v>9</v>
      </c>
      <c r="N34" s="145">
        <v>53</v>
      </c>
      <c r="O34" s="18">
        <v>32</v>
      </c>
      <c r="P34" s="144">
        <v>7</v>
      </c>
      <c r="Q34" s="145">
        <v>39</v>
      </c>
      <c r="R34" s="18">
        <v>12</v>
      </c>
      <c r="S34" s="144">
        <v>2</v>
      </c>
      <c r="T34" s="172">
        <v>14</v>
      </c>
      <c r="U34" s="121">
        <v>68</v>
      </c>
      <c r="V34" s="146">
        <v>15</v>
      </c>
      <c r="W34" s="137">
        <v>83</v>
      </c>
    </row>
    <row r="35" spans="1:23" s="16" customFormat="1" ht="20.100000000000001" customHeight="1" x14ac:dyDescent="0.15">
      <c r="A35" s="702" t="s">
        <v>46</v>
      </c>
      <c r="B35" s="703"/>
      <c r="C35" s="18">
        <v>72</v>
      </c>
      <c r="D35" s="144">
        <v>27</v>
      </c>
      <c r="E35" s="145">
        <v>99</v>
      </c>
      <c r="F35" s="18">
        <v>64</v>
      </c>
      <c r="G35" s="144">
        <v>26</v>
      </c>
      <c r="H35" s="145">
        <v>90</v>
      </c>
      <c r="I35" s="18">
        <v>8</v>
      </c>
      <c r="J35" s="144">
        <v>1</v>
      </c>
      <c r="K35" s="172">
        <v>9</v>
      </c>
      <c r="L35" s="18">
        <v>173</v>
      </c>
      <c r="M35" s="144">
        <v>80</v>
      </c>
      <c r="N35" s="145">
        <v>253</v>
      </c>
      <c r="O35" s="18">
        <v>124</v>
      </c>
      <c r="P35" s="144">
        <v>71</v>
      </c>
      <c r="Q35" s="145">
        <v>195</v>
      </c>
      <c r="R35" s="18">
        <v>49</v>
      </c>
      <c r="S35" s="144">
        <v>9</v>
      </c>
      <c r="T35" s="172">
        <v>58</v>
      </c>
      <c r="U35" s="121">
        <v>245</v>
      </c>
      <c r="V35" s="146">
        <v>107</v>
      </c>
      <c r="W35" s="137">
        <v>352</v>
      </c>
    </row>
    <row r="36" spans="1:23" ht="20.100000000000001" customHeight="1" thickBot="1" x14ac:dyDescent="0.2">
      <c r="A36" s="706" t="s">
        <v>47</v>
      </c>
      <c r="B36" s="707"/>
      <c r="C36" s="41">
        <v>18</v>
      </c>
      <c r="D36" s="148">
        <v>6</v>
      </c>
      <c r="E36" s="149">
        <v>24</v>
      </c>
      <c r="F36" s="45">
        <v>12</v>
      </c>
      <c r="G36" s="150">
        <v>5</v>
      </c>
      <c r="H36" s="149">
        <v>17</v>
      </c>
      <c r="I36" s="45">
        <v>6</v>
      </c>
      <c r="J36" s="150">
        <v>1</v>
      </c>
      <c r="K36" s="173">
        <v>7</v>
      </c>
      <c r="L36" s="45">
        <v>69</v>
      </c>
      <c r="M36" s="150">
        <v>32</v>
      </c>
      <c r="N36" s="151">
        <v>101</v>
      </c>
      <c r="O36" s="45">
        <v>37</v>
      </c>
      <c r="P36" s="150">
        <v>27</v>
      </c>
      <c r="Q36" s="151">
        <v>64</v>
      </c>
      <c r="R36" s="45">
        <v>32</v>
      </c>
      <c r="S36" s="150">
        <v>5</v>
      </c>
      <c r="T36" s="173">
        <v>37</v>
      </c>
      <c r="U36" s="41">
        <v>87</v>
      </c>
      <c r="V36" s="152">
        <v>38</v>
      </c>
      <c r="W36" s="165">
        <v>125</v>
      </c>
    </row>
    <row r="37" spans="1:23" s="16" customFormat="1" ht="20.100000000000001" customHeight="1" thickTop="1" thickBot="1" x14ac:dyDescent="0.2">
      <c r="A37" s="708" t="s">
        <v>16</v>
      </c>
      <c r="B37" s="709"/>
      <c r="C37" s="166">
        <v>479</v>
      </c>
      <c r="D37" s="167">
        <v>412</v>
      </c>
      <c r="E37" s="168">
        <v>891</v>
      </c>
      <c r="F37" s="166">
        <v>435</v>
      </c>
      <c r="G37" s="167">
        <v>390</v>
      </c>
      <c r="H37" s="168">
        <v>825</v>
      </c>
      <c r="I37" s="166">
        <v>44</v>
      </c>
      <c r="J37" s="167">
        <v>22</v>
      </c>
      <c r="K37" s="174">
        <v>66</v>
      </c>
      <c r="L37" s="166">
        <v>1234</v>
      </c>
      <c r="M37" s="167">
        <v>706</v>
      </c>
      <c r="N37" s="168">
        <v>1940</v>
      </c>
      <c r="O37" s="166">
        <v>865</v>
      </c>
      <c r="P37" s="167">
        <v>563</v>
      </c>
      <c r="Q37" s="168">
        <v>1428</v>
      </c>
      <c r="R37" s="166">
        <v>369</v>
      </c>
      <c r="S37" s="167">
        <v>143</v>
      </c>
      <c r="T37" s="168">
        <v>512</v>
      </c>
      <c r="U37" s="166">
        <v>1713</v>
      </c>
      <c r="V37" s="167">
        <v>1118</v>
      </c>
      <c r="W37" s="168">
        <v>2831</v>
      </c>
    </row>
  </sheetData>
  <mergeCells count="51">
    <mergeCell ref="A36:B36"/>
    <mergeCell ref="A37:B37"/>
    <mergeCell ref="A32:B32"/>
    <mergeCell ref="A33:B33"/>
    <mergeCell ref="A29:B29"/>
    <mergeCell ref="A30:B30"/>
    <mergeCell ref="A31:B31"/>
    <mergeCell ref="A34:B34"/>
    <mergeCell ref="A35:B35"/>
    <mergeCell ref="A26:B28"/>
    <mergeCell ref="C26:K26"/>
    <mergeCell ref="L26:T26"/>
    <mergeCell ref="U26:W27"/>
    <mergeCell ref="C27:E27"/>
    <mergeCell ref="F27:H27"/>
    <mergeCell ref="I27:K27"/>
    <mergeCell ref="L27:N27"/>
    <mergeCell ref="O27:Q27"/>
    <mergeCell ref="R27:T27"/>
    <mergeCell ref="A19:B19"/>
    <mergeCell ref="A20:B20"/>
    <mergeCell ref="A21:B21"/>
    <mergeCell ref="A22:B22"/>
    <mergeCell ref="A23:B23"/>
    <mergeCell ref="A10:B10"/>
    <mergeCell ref="A11:B11"/>
    <mergeCell ref="A12:B12"/>
    <mergeCell ref="A13:B13"/>
    <mergeCell ref="A16:B18"/>
    <mergeCell ref="A4:B6"/>
    <mergeCell ref="A7:B7"/>
    <mergeCell ref="A8:B8"/>
    <mergeCell ref="A9:B9"/>
    <mergeCell ref="C4:K4"/>
    <mergeCell ref="L4:T4"/>
    <mergeCell ref="U4:W5"/>
    <mergeCell ref="C5:E5"/>
    <mergeCell ref="F5:H5"/>
    <mergeCell ref="I5:K5"/>
    <mergeCell ref="L5:N5"/>
    <mergeCell ref="O5:Q5"/>
    <mergeCell ref="R5:T5"/>
    <mergeCell ref="C16:K16"/>
    <mergeCell ref="L16:T16"/>
    <mergeCell ref="U16:W17"/>
    <mergeCell ref="C17:E17"/>
    <mergeCell ref="F17:H17"/>
    <mergeCell ref="I17:K17"/>
    <mergeCell ref="L17:N17"/>
    <mergeCell ref="O17:Q17"/>
    <mergeCell ref="R17:T17"/>
  </mergeCells>
  <phoneticPr fontId="1"/>
  <printOptions horizontalCentered="1"/>
  <pageMargins left="0.23622047244094491" right="0.23622047244094491" top="0.74803149606299213" bottom="0.74803149606299213" header="0.31496062992125984" footer="0.31496062992125984"/>
  <pageSetup paperSize="9" scale="71" orientation="landscape" r:id="rId1"/>
  <headerFooter>
    <oddFooter>&amp;C&amp;P</oddFoot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S34"/>
  <sheetViews>
    <sheetView zoomScale="80" zoomScaleNormal="80" zoomScaleSheetLayoutView="75" zoomScalePageLayoutView="50" workbookViewId="0"/>
  </sheetViews>
  <sheetFormatPr defaultColWidth="10.625" defaultRowHeight="20.100000000000001" customHeight="1" x14ac:dyDescent="0.15"/>
  <cols>
    <col min="1" max="1" width="14.625" style="2" customWidth="1"/>
    <col min="2" max="16" width="12.625" style="2" customWidth="1"/>
    <col min="17" max="16384" width="10.625" style="2"/>
  </cols>
  <sheetData>
    <row r="1" spans="1:16" ht="20.100000000000001" customHeight="1" x14ac:dyDescent="0.15">
      <c r="A1" s="296" t="s">
        <v>357</v>
      </c>
    </row>
    <row r="2" spans="1:16" ht="20.100000000000001" customHeight="1" x14ac:dyDescent="0.15">
      <c r="A2" s="59"/>
      <c r="C2" s="52" t="s">
        <v>350</v>
      </c>
    </row>
    <row r="3" spans="1:16" ht="20.100000000000001" customHeight="1" thickBot="1" x14ac:dyDescent="0.2">
      <c r="A3" s="2" t="s">
        <v>52</v>
      </c>
      <c r="C3" s="52" t="s">
        <v>351</v>
      </c>
    </row>
    <row r="4" spans="1:16" ht="20.100000000000001" customHeight="1" x14ac:dyDescent="0.15">
      <c r="A4" s="660" t="s">
        <v>377</v>
      </c>
      <c r="B4" s="662" t="s">
        <v>312</v>
      </c>
      <c r="C4" s="663"/>
      <c r="D4" s="664"/>
      <c r="E4" s="662" t="s">
        <v>53</v>
      </c>
      <c r="F4" s="663"/>
      <c r="G4" s="664"/>
      <c r="H4" s="662" t="s">
        <v>177</v>
      </c>
      <c r="I4" s="663"/>
      <c r="J4" s="664"/>
      <c r="K4" s="662" t="s">
        <v>178</v>
      </c>
      <c r="L4" s="663"/>
      <c r="M4" s="664"/>
      <c r="N4" s="662" t="s">
        <v>179</v>
      </c>
      <c r="O4" s="663"/>
      <c r="P4" s="664"/>
    </row>
    <row r="5" spans="1:16" ht="20.100000000000001" customHeight="1" thickBot="1" x14ac:dyDescent="0.2">
      <c r="A5" s="661"/>
      <c r="B5" s="643" t="s">
        <v>348</v>
      </c>
      <c r="C5" s="330" t="s">
        <v>339</v>
      </c>
      <c r="D5" s="240" t="s">
        <v>204</v>
      </c>
      <c r="E5" s="329" t="s">
        <v>343</v>
      </c>
      <c r="F5" s="330" t="s">
        <v>339</v>
      </c>
      <c r="G5" s="240" t="s">
        <v>204</v>
      </c>
      <c r="H5" s="329" t="s">
        <v>343</v>
      </c>
      <c r="I5" s="330" t="s">
        <v>339</v>
      </c>
      <c r="J5" s="240" t="s">
        <v>204</v>
      </c>
      <c r="K5" s="329" t="s">
        <v>343</v>
      </c>
      <c r="L5" s="330" t="s">
        <v>339</v>
      </c>
      <c r="M5" s="240" t="s">
        <v>204</v>
      </c>
      <c r="N5" s="329" t="s">
        <v>343</v>
      </c>
      <c r="O5" s="330" t="s">
        <v>339</v>
      </c>
      <c r="P5" s="240" t="s">
        <v>204</v>
      </c>
    </row>
    <row r="6" spans="1:16" ht="20.100000000000001" customHeight="1" thickTop="1" x14ac:dyDescent="0.15">
      <c r="A6" s="34" t="s">
        <v>98</v>
      </c>
      <c r="B6" s="11">
        <v>58</v>
      </c>
      <c r="C6" s="12">
        <v>13</v>
      </c>
      <c r="D6" s="62">
        <v>0.22413793103448276</v>
      </c>
      <c r="E6" s="244">
        <v>113</v>
      </c>
      <c r="F6" s="245">
        <v>20</v>
      </c>
      <c r="G6" s="62">
        <v>0.17699115044247787</v>
      </c>
      <c r="H6" s="244">
        <v>97</v>
      </c>
      <c r="I6" s="245">
        <v>16</v>
      </c>
      <c r="J6" s="62">
        <v>0.16494845360824742</v>
      </c>
      <c r="K6" s="244">
        <v>77</v>
      </c>
      <c r="L6" s="245">
        <v>15</v>
      </c>
      <c r="M6" s="62">
        <v>0.19480519480519481</v>
      </c>
      <c r="N6" s="244">
        <v>50</v>
      </c>
      <c r="O6" s="245">
        <v>11</v>
      </c>
      <c r="P6" s="62">
        <v>0.22</v>
      </c>
    </row>
    <row r="7" spans="1:16" ht="20.100000000000001" customHeight="1" x14ac:dyDescent="0.15">
      <c r="A7" s="39" t="s">
        <v>99</v>
      </c>
      <c r="B7" s="18">
        <v>217</v>
      </c>
      <c r="C7" s="19">
        <v>34</v>
      </c>
      <c r="D7" s="62">
        <v>0.15668202764976957</v>
      </c>
      <c r="E7" s="246">
        <v>319</v>
      </c>
      <c r="F7" s="247">
        <v>52</v>
      </c>
      <c r="G7" s="62">
        <v>0.16300940438871472</v>
      </c>
      <c r="H7" s="246">
        <v>291</v>
      </c>
      <c r="I7" s="247">
        <v>52</v>
      </c>
      <c r="J7" s="62">
        <v>0.17869415807560138</v>
      </c>
      <c r="K7" s="246">
        <v>296</v>
      </c>
      <c r="L7" s="247">
        <v>66</v>
      </c>
      <c r="M7" s="62">
        <v>0.22297297297297297</v>
      </c>
      <c r="N7" s="246">
        <v>220</v>
      </c>
      <c r="O7" s="247">
        <v>43</v>
      </c>
      <c r="P7" s="62">
        <v>0.19545454545454546</v>
      </c>
    </row>
    <row r="8" spans="1:16" ht="20.100000000000001" customHeight="1" x14ac:dyDescent="0.15">
      <c r="A8" s="39" t="s">
        <v>100</v>
      </c>
      <c r="B8" s="18">
        <v>333</v>
      </c>
      <c r="C8" s="19">
        <v>32</v>
      </c>
      <c r="D8" s="62">
        <v>9.6096096096096095E-2</v>
      </c>
      <c r="E8" s="246">
        <v>552</v>
      </c>
      <c r="F8" s="247">
        <v>112</v>
      </c>
      <c r="G8" s="62">
        <v>0.20289855072463769</v>
      </c>
      <c r="H8" s="246">
        <v>369</v>
      </c>
      <c r="I8" s="247">
        <v>81</v>
      </c>
      <c r="J8" s="62">
        <v>0.21951219512195122</v>
      </c>
      <c r="K8" s="246">
        <v>343</v>
      </c>
      <c r="L8" s="247">
        <v>59</v>
      </c>
      <c r="M8" s="62">
        <v>0.17201166180758018</v>
      </c>
      <c r="N8" s="246">
        <v>498</v>
      </c>
      <c r="O8" s="247">
        <v>75</v>
      </c>
      <c r="P8" s="62">
        <v>0.15060240963855423</v>
      </c>
    </row>
    <row r="9" spans="1:16" s="16" customFormat="1" ht="20.100000000000001" customHeight="1" x14ac:dyDescent="0.15">
      <c r="A9" s="17" t="s">
        <v>101</v>
      </c>
      <c r="B9" s="18">
        <v>357</v>
      </c>
      <c r="C9" s="19">
        <v>32</v>
      </c>
      <c r="D9" s="106">
        <v>8.9635854341736695E-2</v>
      </c>
      <c r="E9" s="248">
        <v>361</v>
      </c>
      <c r="F9" s="249">
        <v>32</v>
      </c>
      <c r="G9" s="106">
        <v>8.8642659279778394E-2</v>
      </c>
      <c r="H9" s="248">
        <v>325</v>
      </c>
      <c r="I9" s="249">
        <v>66</v>
      </c>
      <c r="J9" s="106">
        <v>0.20307692307692307</v>
      </c>
      <c r="K9" s="248">
        <v>233</v>
      </c>
      <c r="L9" s="249">
        <v>49</v>
      </c>
      <c r="M9" s="106">
        <v>0.21030042918454936</v>
      </c>
      <c r="N9" s="248">
        <v>213</v>
      </c>
      <c r="O9" s="249">
        <v>48</v>
      </c>
      <c r="P9" s="106">
        <v>0.22535211267605634</v>
      </c>
    </row>
    <row r="10" spans="1:16" s="16" customFormat="1" ht="20.100000000000001" customHeight="1" x14ac:dyDescent="0.15">
      <c r="A10" s="17" t="s">
        <v>102</v>
      </c>
      <c r="B10" s="18">
        <v>500</v>
      </c>
      <c r="C10" s="19">
        <v>58</v>
      </c>
      <c r="D10" s="106">
        <v>0.11600000000000001</v>
      </c>
      <c r="E10" s="248">
        <v>645</v>
      </c>
      <c r="F10" s="249">
        <v>78</v>
      </c>
      <c r="G10" s="106">
        <v>0.12093023255813953</v>
      </c>
      <c r="H10" s="248">
        <v>541</v>
      </c>
      <c r="I10" s="249">
        <v>93</v>
      </c>
      <c r="J10" s="106">
        <v>0.17190388170055454</v>
      </c>
      <c r="K10" s="248">
        <v>406</v>
      </c>
      <c r="L10" s="249">
        <v>85</v>
      </c>
      <c r="M10" s="106">
        <v>0.20935960591133004</v>
      </c>
      <c r="N10" s="248">
        <v>322</v>
      </c>
      <c r="O10" s="249">
        <v>64</v>
      </c>
      <c r="P10" s="106">
        <v>0.19875776397515527</v>
      </c>
    </row>
    <row r="11" spans="1:16" ht="20.100000000000001" customHeight="1" thickBot="1" x14ac:dyDescent="0.2">
      <c r="A11" s="40" t="s">
        <v>11</v>
      </c>
      <c r="B11" s="45">
        <v>1488</v>
      </c>
      <c r="C11" s="46">
        <v>138</v>
      </c>
      <c r="D11" s="64">
        <v>9.2741935483870969E-2</v>
      </c>
      <c r="E11" s="258">
        <v>1379</v>
      </c>
      <c r="F11" s="259">
        <v>150</v>
      </c>
      <c r="G11" s="64">
        <v>0.10877447425670776</v>
      </c>
      <c r="H11" s="258">
        <v>1313</v>
      </c>
      <c r="I11" s="259">
        <v>248</v>
      </c>
      <c r="J11" s="64">
        <v>0.18888042650418888</v>
      </c>
      <c r="K11" s="258">
        <v>1128</v>
      </c>
      <c r="L11" s="259">
        <v>220</v>
      </c>
      <c r="M11" s="64">
        <v>0.19503546099290781</v>
      </c>
      <c r="N11" s="258">
        <v>866</v>
      </c>
      <c r="O11" s="259">
        <v>159</v>
      </c>
      <c r="P11" s="64">
        <v>0.1836027713625866</v>
      </c>
    </row>
    <row r="12" spans="1:16" s="16" customFormat="1" ht="20.100000000000001" customHeight="1" thickTop="1" thickBot="1" x14ac:dyDescent="0.2">
      <c r="A12" s="28" t="s">
        <v>16</v>
      </c>
      <c r="B12" s="29">
        <v>2953</v>
      </c>
      <c r="C12" s="30">
        <v>307</v>
      </c>
      <c r="D12" s="126">
        <v>0.10396207246867592</v>
      </c>
      <c r="E12" s="254">
        <v>3369</v>
      </c>
      <c r="F12" s="253">
        <v>444</v>
      </c>
      <c r="G12" s="126">
        <v>0.13178984861976847</v>
      </c>
      <c r="H12" s="254">
        <v>2936</v>
      </c>
      <c r="I12" s="253">
        <v>556</v>
      </c>
      <c r="J12" s="126">
        <v>0.18937329700272479</v>
      </c>
      <c r="K12" s="252">
        <v>2483</v>
      </c>
      <c r="L12" s="255">
        <v>494</v>
      </c>
      <c r="M12" s="126">
        <v>0.19895287958115182</v>
      </c>
      <c r="N12" s="252">
        <v>2169</v>
      </c>
      <c r="O12" s="255">
        <v>400</v>
      </c>
      <c r="P12" s="126">
        <v>0.18441678192715538</v>
      </c>
    </row>
    <row r="13" spans="1:16" ht="20.100000000000001" customHeight="1" x14ac:dyDescent="0.15">
      <c r="A13" s="177"/>
      <c r="B13" s="646" t="s">
        <v>356</v>
      </c>
    </row>
    <row r="14" spans="1:16" ht="20.100000000000001" customHeight="1" thickBot="1" x14ac:dyDescent="0.2">
      <c r="A14" s="2" t="s">
        <v>17</v>
      </c>
    </row>
    <row r="15" spans="1:16" ht="20.100000000000001" customHeight="1" x14ac:dyDescent="0.15">
      <c r="A15" s="660" t="s">
        <v>182</v>
      </c>
      <c r="B15" s="662" t="s">
        <v>312</v>
      </c>
      <c r="C15" s="663"/>
      <c r="D15" s="664"/>
      <c r="E15" s="662" t="s">
        <v>53</v>
      </c>
      <c r="F15" s="663"/>
      <c r="G15" s="664"/>
      <c r="H15" s="662" t="s">
        <v>177</v>
      </c>
      <c r="I15" s="663"/>
      <c r="J15" s="664"/>
      <c r="K15" s="662" t="s">
        <v>178</v>
      </c>
      <c r="L15" s="663"/>
      <c r="M15" s="664"/>
      <c r="N15" s="662" t="s">
        <v>179</v>
      </c>
      <c r="O15" s="663"/>
      <c r="P15" s="664"/>
    </row>
    <row r="16" spans="1:16" ht="20.100000000000001" customHeight="1" thickBot="1" x14ac:dyDescent="0.2">
      <c r="A16" s="661"/>
      <c r="B16" s="643" t="s">
        <v>348</v>
      </c>
      <c r="C16" s="330" t="s">
        <v>339</v>
      </c>
      <c r="D16" s="240" t="s">
        <v>204</v>
      </c>
      <c r="E16" s="329" t="s">
        <v>343</v>
      </c>
      <c r="F16" s="330" t="s">
        <v>339</v>
      </c>
      <c r="G16" s="240" t="s">
        <v>204</v>
      </c>
      <c r="H16" s="329" t="s">
        <v>343</v>
      </c>
      <c r="I16" s="330" t="s">
        <v>339</v>
      </c>
      <c r="J16" s="240" t="s">
        <v>204</v>
      </c>
      <c r="K16" s="329" t="s">
        <v>343</v>
      </c>
      <c r="L16" s="330" t="s">
        <v>339</v>
      </c>
      <c r="M16" s="240" t="s">
        <v>204</v>
      </c>
      <c r="N16" s="329" t="s">
        <v>343</v>
      </c>
      <c r="O16" s="330" t="s">
        <v>339</v>
      </c>
      <c r="P16" s="240" t="s">
        <v>204</v>
      </c>
    </row>
    <row r="17" spans="1:19" ht="20.100000000000001" customHeight="1" thickTop="1" x14ac:dyDescent="0.15">
      <c r="A17" s="34" t="s">
        <v>35</v>
      </c>
      <c r="B17" s="11">
        <v>22</v>
      </c>
      <c r="C17" s="12">
        <v>1</v>
      </c>
      <c r="D17" s="62">
        <v>4.5454545454545456E-2</v>
      </c>
      <c r="E17" s="244">
        <v>21</v>
      </c>
      <c r="F17" s="245">
        <v>5</v>
      </c>
      <c r="G17" s="62">
        <v>0.23809523809523808</v>
      </c>
      <c r="H17" s="244">
        <v>18</v>
      </c>
      <c r="I17" s="245">
        <v>3</v>
      </c>
      <c r="J17" s="62">
        <v>0.16666666666666666</v>
      </c>
      <c r="K17" s="256">
        <v>11</v>
      </c>
      <c r="L17" s="257">
        <v>1</v>
      </c>
      <c r="M17" s="62">
        <v>9.0909090909090912E-2</v>
      </c>
      <c r="N17" s="256">
        <v>11</v>
      </c>
      <c r="O17" s="257">
        <v>2</v>
      </c>
      <c r="P17" s="62">
        <v>0.18181818181818182</v>
      </c>
    </row>
    <row r="18" spans="1:19" ht="20.100000000000001" customHeight="1" x14ac:dyDescent="0.15">
      <c r="A18" s="39" t="s">
        <v>36</v>
      </c>
      <c r="B18" s="18">
        <v>97</v>
      </c>
      <c r="C18" s="19">
        <v>6</v>
      </c>
      <c r="D18" s="62">
        <v>6.1855670103092786E-2</v>
      </c>
      <c r="E18" s="246">
        <v>131</v>
      </c>
      <c r="F18" s="247">
        <v>18</v>
      </c>
      <c r="G18" s="62">
        <v>0.13740458015267176</v>
      </c>
      <c r="H18" s="246">
        <v>89</v>
      </c>
      <c r="I18" s="247">
        <v>16</v>
      </c>
      <c r="J18" s="62">
        <v>0.1797752808988764</v>
      </c>
      <c r="K18" s="248">
        <v>80</v>
      </c>
      <c r="L18" s="249">
        <v>19</v>
      </c>
      <c r="M18" s="62">
        <v>0.23749999999999999</v>
      </c>
      <c r="N18" s="248">
        <v>71</v>
      </c>
      <c r="O18" s="249">
        <v>10</v>
      </c>
      <c r="P18" s="62">
        <v>0.14084507042253522</v>
      </c>
    </row>
    <row r="19" spans="1:19" s="16" customFormat="1" ht="20.100000000000001" customHeight="1" x14ac:dyDescent="0.15">
      <c r="A19" s="17" t="s">
        <v>37</v>
      </c>
      <c r="B19" s="18">
        <v>2807</v>
      </c>
      <c r="C19" s="19">
        <v>293</v>
      </c>
      <c r="D19" s="106">
        <v>0.10438190238688992</v>
      </c>
      <c r="E19" s="248">
        <v>3173</v>
      </c>
      <c r="F19" s="249">
        <v>406</v>
      </c>
      <c r="G19" s="106">
        <v>0.12795461708162623</v>
      </c>
      <c r="H19" s="248">
        <v>2800</v>
      </c>
      <c r="I19" s="249">
        <v>533</v>
      </c>
      <c r="J19" s="106">
        <v>0.19035714285714286</v>
      </c>
      <c r="K19" s="248">
        <v>2362</v>
      </c>
      <c r="L19" s="249">
        <v>464</v>
      </c>
      <c r="M19" s="106">
        <v>0.19644369178662149</v>
      </c>
      <c r="N19" s="248">
        <v>2064</v>
      </c>
      <c r="O19" s="249">
        <v>382</v>
      </c>
      <c r="P19" s="106">
        <v>0.18507751937984496</v>
      </c>
    </row>
    <row r="20" spans="1:19" ht="20.100000000000001" customHeight="1" thickBot="1" x14ac:dyDescent="0.2">
      <c r="A20" s="40" t="s">
        <v>38</v>
      </c>
      <c r="B20" s="45">
        <v>27</v>
      </c>
      <c r="C20" s="46">
        <v>7</v>
      </c>
      <c r="D20" s="64">
        <v>0.25925925925925924</v>
      </c>
      <c r="E20" s="258">
        <v>44</v>
      </c>
      <c r="F20" s="259">
        <v>15</v>
      </c>
      <c r="G20" s="64">
        <v>0.34090909090909088</v>
      </c>
      <c r="H20" s="258">
        <v>29</v>
      </c>
      <c r="I20" s="259">
        <v>4</v>
      </c>
      <c r="J20" s="64">
        <v>0.13793103448275862</v>
      </c>
      <c r="K20" s="251">
        <v>30</v>
      </c>
      <c r="L20" s="260">
        <v>10</v>
      </c>
      <c r="M20" s="64">
        <v>0.33333333333333331</v>
      </c>
      <c r="N20" s="251">
        <v>23</v>
      </c>
      <c r="O20" s="260">
        <v>6</v>
      </c>
      <c r="P20" s="64">
        <v>0.2608695652173913</v>
      </c>
    </row>
    <row r="21" spans="1:19" s="16" customFormat="1" ht="20.100000000000001" customHeight="1" thickTop="1" thickBot="1" x14ac:dyDescent="0.2">
      <c r="A21" s="28" t="s">
        <v>352</v>
      </c>
      <c r="B21" s="29">
        <v>2953</v>
      </c>
      <c r="C21" s="30">
        <v>307</v>
      </c>
      <c r="D21" s="126">
        <v>0.10396207246867592</v>
      </c>
      <c r="E21" s="252">
        <v>3369</v>
      </c>
      <c r="F21" s="255">
        <v>444</v>
      </c>
      <c r="G21" s="126">
        <v>0.13178984861976847</v>
      </c>
      <c r="H21" s="252">
        <v>2936</v>
      </c>
      <c r="I21" s="255">
        <v>556</v>
      </c>
      <c r="J21" s="126">
        <v>0.18937329700272479</v>
      </c>
      <c r="K21" s="252">
        <v>2483</v>
      </c>
      <c r="L21" s="255">
        <v>494</v>
      </c>
      <c r="M21" s="126">
        <v>0.19895287958115182</v>
      </c>
      <c r="N21" s="261">
        <v>2169</v>
      </c>
      <c r="O21" s="262">
        <v>400</v>
      </c>
      <c r="P21" s="126">
        <v>0.18441678192715538</v>
      </c>
    </row>
    <row r="22" spans="1:19" s="16" customFormat="1" ht="20.100000000000001" customHeight="1" x14ac:dyDescent="0.15">
      <c r="A22" s="80"/>
      <c r="B22" s="2"/>
      <c r="C22" s="242"/>
      <c r="D22" s="243"/>
      <c r="E22" s="242"/>
      <c r="F22" s="242"/>
      <c r="G22" s="243"/>
      <c r="H22" s="242"/>
      <c r="I22" s="242"/>
      <c r="J22" s="243"/>
      <c r="K22" s="242"/>
      <c r="L22" s="242"/>
      <c r="M22" s="243"/>
      <c r="N22" s="235"/>
      <c r="O22" s="235"/>
      <c r="P22" s="243"/>
    </row>
    <row r="23" spans="1:19" ht="20.100000000000001" customHeight="1" thickBot="1" x14ac:dyDescent="0.2">
      <c r="A23" s="241" t="s">
        <v>180</v>
      </c>
      <c r="B23" s="241"/>
      <c r="C23" s="241"/>
      <c r="D23" s="241"/>
      <c r="E23" s="241"/>
      <c r="F23" s="241"/>
      <c r="G23" s="241"/>
      <c r="H23" s="241"/>
      <c r="I23" s="241"/>
      <c r="J23" s="241"/>
      <c r="K23" s="241"/>
      <c r="L23" s="241"/>
      <c r="M23" s="241"/>
      <c r="N23" s="241"/>
      <c r="O23" s="241"/>
      <c r="P23" s="241"/>
      <c r="Q23" s="241"/>
      <c r="R23" s="241"/>
      <c r="S23" s="241"/>
    </row>
    <row r="24" spans="1:19" ht="20.100000000000001" customHeight="1" x14ac:dyDescent="0.15">
      <c r="A24" s="660" t="s">
        <v>181</v>
      </c>
      <c r="B24" s="662" t="s">
        <v>312</v>
      </c>
      <c r="C24" s="663"/>
      <c r="D24" s="664"/>
      <c r="E24" s="662" t="s">
        <v>53</v>
      </c>
      <c r="F24" s="663"/>
      <c r="G24" s="664"/>
      <c r="H24" s="662" t="s">
        <v>177</v>
      </c>
      <c r="I24" s="663"/>
      <c r="J24" s="664"/>
      <c r="K24" s="662" t="s">
        <v>178</v>
      </c>
      <c r="L24" s="663"/>
      <c r="M24" s="664"/>
      <c r="N24" s="662" t="s">
        <v>179</v>
      </c>
      <c r="O24" s="663"/>
      <c r="P24" s="664"/>
    </row>
    <row r="25" spans="1:19" ht="20.100000000000001" customHeight="1" thickBot="1" x14ac:dyDescent="0.2">
      <c r="A25" s="661"/>
      <c r="B25" s="643" t="s">
        <v>348</v>
      </c>
      <c r="C25" s="330" t="s">
        <v>339</v>
      </c>
      <c r="D25" s="240" t="s">
        <v>204</v>
      </c>
      <c r="E25" s="329" t="s">
        <v>343</v>
      </c>
      <c r="F25" s="330" t="s">
        <v>339</v>
      </c>
      <c r="G25" s="240" t="s">
        <v>204</v>
      </c>
      <c r="H25" s="329" t="s">
        <v>343</v>
      </c>
      <c r="I25" s="330" t="s">
        <v>339</v>
      </c>
      <c r="J25" s="240" t="s">
        <v>204</v>
      </c>
      <c r="K25" s="329" t="s">
        <v>343</v>
      </c>
      <c r="L25" s="330" t="s">
        <v>339</v>
      </c>
      <c r="M25" s="240" t="s">
        <v>204</v>
      </c>
      <c r="N25" s="329" t="s">
        <v>343</v>
      </c>
      <c r="O25" s="330" t="s">
        <v>339</v>
      </c>
      <c r="P25" s="240" t="s">
        <v>204</v>
      </c>
    </row>
    <row r="26" spans="1:19" ht="20.100000000000001" customHeight="1" thickTop="1" x14ac:dyDescent="0.15">
      <c r="A26" s="34" t="s">
        <v>40</v>
      </c>
      <c r="B26" s="35">
        <v>1278</v>
      </c>
      <c r="C26" s="36">
        <v>151</v>
      </c>
      <c r="D26" s="62">
        <v>0.11815336463223787</v>
      </c>
      <c r="E26" s="244">
        <v>1559</v>
      </c>
      <c r="F26" s="245">
        <v>217</v>
      </c>
      <c r="G26" s="62">
        <v>0.13919178960872355</v>
      </c>
      <c r="H26" s="244">
        <v>1307</v>
      </c>
      <c r="I26" s="245">
        <v>240</v>
      </c>
      <c r="J26" s="62">
        <v>0.18362662586074982</v>
      </c>
      <c r="K26" s="244">
        <v>1146</v>
      </c>
      <c r="L26" s="245">
        <v>239</v>
      </c>
      <c r="M26" s="62">
        <v>0.20855148342059338</v>
      </c>
      <c r="N26" s="244">
        <v>858</v>
      </c>
      <c r="O26" s="245">
        <v>166</v>
      </c>
      <c r="P26" s="62">
        <v>0.19347319347319347</v>
      </c>
    </row>
    <row r="27" spans="1:19" ht="20.100000000000001" customHeight="1" x14ac:dyDescent="0.15">
      <c r="A27" s="39" t="s">
        <v>41</v>
      </c>
      <c r="B27" s="121">
        <v>612</v>
      </c>
      <c r="C27" s="122">
        <v>70</v>
      </c>
      <c r="D27" s="62">
        <v>0.11437908496732026</v>
      </c>
      <c r="E27" s="246">
        <v>531</v>
      </c>
      <c r="F27" s="247">
        <v>63</v>
      </c>
      <c r="G27" s="62">
        <v>0.11864406779661017</v>
      </c>
      <c r="H27" s="246">
        <v>460</v>
      </c>
      <c r="I27" s="247">
        <v>101</v>
      </c>
      <c r="J27" s="62">
        <v>0.21956521739130436</v>
      </c>
      <c r="K27" s="246">
        <v>377</v>
      </c>
      <c r="L27" s="247">
        <v>82</v>
      </c>
      <c r="M27" s="62">
        <v>0.21750663129973474</v>
      </c>
      <c r="N27" s="246">
        <v>311</v>
      </c>
      <c r="O27" s="247">
        <v>60</v>
      </c>
      <c r="P27" s="62">
        <v>0.19292604501607716</v>
      </c>
    </row>
    <row r="28" spans="1:19" ht="20.100000000000001" customHeight="1" x14ac:dyDescent="0.15">
      <c r="A28" s="39" t="s">
        <v>42</v>
      </c>
      <c r="B28" s="121">
        <v>267</v>
      </c>
      <c r="C28" s="122">
        <v>23</v>
      </c>
      <c r="D28" s="62">
        <v>8.6142322097378279E-2</v>
      </c>
      <c r="E28" s="246">
        <v>312</v>
      </c>
      <c r="F28" s="247">
        <v>36</v>
      </c>
      <c r="G28" s="62">
        <v>0.11538461538461539</v>
      </c>
      <c r="H28" s="246">
        <v>224</v>
      </c>
      <c r="I28" s="247">
        <v>35</v>
      </c>
      <c r="J28" s="62">
        <v>0.15625</v>
      </c>
      <c r="K28" s="246">
        <v>197</v>
      </c>
      <c r="L28" s="247">
        <v>33</v>
      </c>
      <c r="M28" s="62">
        <v>0.16751269035532995</v>
      </c>
      <c r="N28" s="246">
        <v>150</v>
      </c>
      <c r="O28" s="247">
        <v>21</v>
      </c>
      <c r="P28" s="62">
        <v>0.14000000000000001</v>
      </c>
    </row>
    <row r="29" spans="1:19" ht="20.100000000000001" customHeight="1" x14ac:dyDescent="0.15">
      <c r="A29" s="39" t="s">
        <v>43</v>
      </c>
      <c r="B29" s="121">
        <v>152</v>
      </c>
      <c r="C29" s="122">
        <v>17</v>
      </c>
      <c r="D29" s="62">
        <v>0.1118421052631579</v>
      </c>
      <c r="E29" s="246">
        <v>190</v>
      </c>
      <c r="F29" s="247">
        <v>30</v>
      </c>
      <c r="G29" s="62">
        <v>0.15789473684210525</v>
      </c>
      <c r="H29" s="246">
        <v>190</v>
      </c>
      <c r="I29" s="247">
        <v>31</v>
      </c>
      <c r="J29" s="62">
        <v>0.16315789473684211</v>
      </c>
      <c r="K29" s="246">
        <v>142</v>
      </c>
      <c r="L29" s="247">
        <v>27</v>
      </c>
      <c r="M29" s="62">
        <v>0.19014084507042253</v>
      </c>
      <c r="N29" s="246">
        <v>108</v>
      </c>
      <c r="O29" s="247">
        <v>14</v>
      </c>
      <c r="P29" s="62">
        <v>0.12962962962962962</v>
      </c>
    </row>
    <row r="30" spans="1:19" ht="20.100000000000001" customHeight="1" x14ac:dyDescent="0.15">
      <c r="A30" s="39" t="s">
        <v>44</v>
      </c>
      <c r="B30" s="18">
        <v>118</v>
      </c>
      <c r="C30" s="19">
        <v>15</v>
      </c>
      <c r="D30" s="62">
        <v>0.1271186440677966</v>
      </c>
      <c r="E30" s="246">
        <v>156</v>
      </c>
      <c r="F30" s="247">
        <v>11</v>
      </c>
      <c r="G30" s="62">
        <v>7.0512820512820512E-2</v>
      </c>
      <c r="H30" s="246">
        <v>159</v>
      </c>
      <c r="I30" s="247">
        <v>16</v>
      </c>
      <c r="J30" s="62">
        <v>0.10062893081761007</v>
      </c>
      <c r="K30" s="246">
        <v>148</v>
      </c>
      <c r="L30" s="247">
        <v>19</v>
      </c>
      <c r="M30" s="62">
        <v>0.12837837837837837</v>
      </c>
      <c r="N30" s="246">
        <v>320</v>
      </c>
      <c r="O30" s="247">
        <v>49</v>
      </c>
      <c r="P30" s="62">
        <v>0.15312500000000001</v>
      </c>
    </row>
    <row r="31" spans="1:19" ht="20.100000000000001" customHeight="1" x14ac:dyDescent="0.15">
      <c r="A31" s="39" t="s">
        <v>45</v>
      </c>
      <c r="B31" s="18">
        <v>206</v>
      </c>
      <c r="C31" s="19">
        <v>7</v>
      </c>
      <c r="D31" s="62">
        <v>3.3980582524271843E-2</v>
      </c>
      <c r="E31" s="246">
        <v>191</v>
      </c>
      <c r="F31" s="247">
        <v>19</v>
      </c>
      <c r="G31" s="62">
        <v>9.947643979057591E-2</v>
      </c>
      <c r="H31" s="246">
        <v>214</v>
      </c>
      <c r="I31" s="247">
        <v>45</v>
      </c>
      <c r="J31" s="62">
        <v>0.2102803738317757</v>
      </c>
      <c r="K31" s="246">
        <v>196</v>
      </c>
      <c r="L31" s="247">
        <v>41</v>
      </c>
      <c r="M31" s="62">
        <v>0.20918367346938777</v>
      </c>
      <c r="N31" s="246">
        <v>144</v>
      </c>
      <c r="O31" s="247">
        <v>43</v>
      </c>
      <c r="P31" s="62">
        <v>0.2986111111111111</v>
      </c>
    </row>
    <row r="32" spans="1:19" s="16" customFormat="1" ht="20.100000000000001" customHeight="1" x14ac:dyDescent="0.15">
      <c r="A32" s="17" t="s">
        <v>46</v>
      </c>
      <c r="B32" s="121">
        <v>207</v>
      </c>
      <c r="C32" s="122">
        <v>17</v>
      </c>
      <c r="D32" s="106">
        <v>8.2125603864734303E-2</v>
      </c>
      <c r="E32" s="248">
        <v>309</v>
      </c>
      <c r="F32" s="249">
        <v>54</v>
      </c>
      <c r="G32" s="106">
        <v>0.17475728155339806</v>
      </c>
      <c r="H32" s="248">
        <v>272</v>
      </c>
      <c r="I32" s="249">
        <v>65</v>
      </c>
      <c r="J32" s="106">
        <v>0.23897058823529413</v>
      </c>
      <c r="K32" s="248">
        <v>187</v>
      </c>
      <c r="L32" s="249">
        <v>44</v>
      </c>
      <c r="M32" s="106">
        <v>0.23529411764705882</v>
      </c>
      <c r="N32" s="248">
        <v>203</v>
      </c>
      <c r="O32" s="249">
        <v>38</v>
      </c>
      <c r="P32" s="106">
        <v>0.18719211822660098</v>
      </c>
    </row>
    <row r="33" spans="1:16" s="16" customFormat="1" ht="20.100000000000001" customHeight="1" thickBot="1" x14ac:dyDescent="0.2">
      <c r="A33" s="629" t="s">
        <v>47</v>
      </c>
      <c r="B33" s="41">
        <v>113</v>
      </c>
      <c r="C33" s="42">
        <v>7</v>
      </c>
      <c r="D33" s="106">
        <v>6.1946902654867256E-2</v>
      </c>
      <c r="E33" s="250">
        <v>121</v>
      </c>
      <c r="F33" s="249">
        <v>14</v>
      </c>
      <c r="G33" s="106">
        <v>0.11570247933884298</v>
      </c>
      <c r="H33" s="251">
        <v>110</v>
      </c>
      <c r="I33" s="249">
        <v>23</v>
      </c>
      <c r="J33" s="106">
        <v>0.20909090909090908</v>
      </c>
      <c r="K33" s="248">
        <v>90</v>
      </c>
      <c r="L33" s="249">
        <v>9</v>
      </c>
      <c r="M33" s="106">
        <v>0.1</v>
      </c>
      <c r="N33" s="248">
        <v>75</v>
      </c>
      <c r="O33" s="249">
        <v>9</v>
      </c>
      <c r="P33" s="106">
        <v>0.12</v>
      </c>
    </row>
    <row r="34" spans="1:16" s="16" customFormat="1" ht="20.100000000000001" customHeight="1" thickTop="1" thickBot="1" x14ac:dyDescent="0.2">
      <c r="A34" s="132" t="s">
        <v>16</v>
      </c>
      <c r="B34" s="29">
        <v>2953</v>
      </c>
      <c r="C34" s="30">
        <v>307</v>
      </c>
      <c r="D34" s="126">
        <v>0.10396207246867592</v>
      </c>
      <c r="E34" s="252">
        <v>3369</v>
      </c>
      <c r="F34" s="253">
        <v>444</v>
      </c>
      <c r="G34" s="126">
        <v>0.13178984861976847</v>
      </c>
      <c r="H34" s="254">
        <v>2936</v>
      </c>
      <c r="I34" s="253">
        <v>556</v>
      </c>
      <c r="J34" s="126">
        <v>0.18937329700272479</v>
      </c>
      <c r="K34" s="252">
        <v>2483</v>
      </c>
      <c r="L34" s="255">
        <v>494</v>
      </c>
      <c r="M34" s="126">
        <v>0.19895287958115182</v>
      </c>
      <c r="N34" s="252">
        <v>2169</v>
      </c>
      <c r="O34" s="255">
        <v>400</v>
      </c>
      <c r="P34" s="126">
        <v>0.18441678192715538</v>
      </c>
    </row>
  </sheetData>
  <mergeCells count="18">
    <mergeCell ref="N24:P24"/>
    <mergeCell ref="A24:A25"/>
    <mergeCell ref="B24:D24"/>
    <mergeCell ref="E24:G24"/>
    <mergeCell ref="H24:J24"/>
    <mergeCell ref="K24:M24"/>
    <mergeCell ref="H15:J15"/>
    <mergeCell ref="K15:M15"/>
    <mergeCell ref="N15:P15"/>
    <mergeCell ref="A4:A5"/>
    <mergeCell ref="H4:J4"/>
    <mergeCell ref="K4:M4"/>
    <mergeCell ref="N4:P4"/>
    <mergeCell ref="B4:D4"/>
    <mergeCell ref="E4:G4"/>
    <mergeCell ref="A15:A16"/>
    <mergeCell ref="B15:D15"/>
    <mergeCell ref="E15:G15"/>
  </mergeCells>
  <phoneticPr fontId="1"/>
  <printOptions horizontalCentered="1"/>
  <pageMargins left="0.19685039370078741" right="0.19685039370078741" top="0.74803149606299213" bottom="0.74803149606299213" header="0.31496062992125984" footer="0.31496062992125984"/>
  <pageSetup paperSize="9" scale="66" orientation="landscape" r:id="rId1"/>
  <headerFooter>
    <oddFooter>&amp;C&amp;P</oddFoot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X42"/>
  <sheetViews>
    <sheetView showWhiteSpace="0" view="pageBreakPreview" zoomScale="80" zoomScaleNormal="80" zoomScaleSheetLayoutView="80" zoomScalePageLayoutView="50" workbookViewId="0"/>
  </sheetViews>
  <sheetFormatPr defaultColWidth="10.625" defaultRowHeight="20.100000000000001" customHeight="1" x14ac:dyDescent="0.15"/>
  <cols>
    <col min="1" max="1" width="14.625" style="2" customWidth="1"/>
    <col min="2" max="5" width="10.625" style="2"/>
    <col min="6" max="6" width="10.625" style="2" customWidth="1"/>
    <col min="7" max="16384" width="10.625" style="2"/>
  </cols>
  <sheetData>
    <row r="1" spans="1:17" ht="20.100000000000001" customHeight="1" x14ac:dyDescent="0.15">
      <c r="A1" s="296" t="s">
        <v>93</v>
      </c>
    </row>
    <row r="2" spans="1:17" ht="20.100000000000001" customHeight="1" x14ac:dyDescent="0.15">
      <c r="A2" s="59"/>
    </row>
    <row r="3" spans="1:17" ht="20.100000000000001" customHeight="1" thickBot="1" x14ac:dyDescent="0.2">
      <c r="A3" s="2" t="s">
        <v>262</v>
      </c>
    </row>
    <row r="4" spans="1:17" ht="27" customHeight="1" thickBot="1" x14ac:dyDescent="0.2">
      <c r="A4" s="184" t="s">
        <v>7</v>
      </c>
      <c r="B4" s="331" t="s">
        <v>210</v>
      </c>
      <c r="C4" s="338" t="s">
        <v>56</v>
      </c>
      <c r="D4" s="227" t="s">
        <v>152</v>
      </c>
      <c r="E4" s="186" t="s">
        <v>54</v>
      </c>
      <c r="F4" s="186" t="s">
        <v>92</v>
      </c>
      <c r="G4" s="186" t="s">
        <v>55</v>
      </c>
      <c r="H4" s="336" t="s">
        <v>68</v>
      </c>
      <c r="I4" s="336" t="s">
        <v>69</v>
      </c>
      <c r="J4" s="187" t="s">
        <v>70</v>
      </c>
      <c r="K4" s="187" t="s">
        <v>71</v>
      </c>
      <c r="L4" s="336" t="s">
        <v>74</v>
      </c>
      <c r="M4" s="339" t="s">
        <v>73</v>
      </c>
      <c r="N4" s="336" t="s">
        <v>72</v>
      </c>
      <c r="O4" s="188" t="s">
        <v>76</v>
      </c>
      <c r="P4" s="188" t="s">
        <v>77</v>
      </c>
      <c r="Q4" s="189" t="s">
        <v>57</v>
      </c>
    </row>
    <row r="5" spans="1:17" ht="20.100000000000001" customHeight="1" thickTop="1" x14ac:dyDescent="0.15">
      <c r="A5" s="193" t="s">
        <v>98</v>
      </c>
      <c r="B5" s="453">
        <v>52</v>
      </c>
      <c r="C5" s="229">
        <v>15</v>
      </c>
      <c r="D5" s="197">
        <v>18</v>
      </c>
      <c r="E5" s="194">
        <v>9</v>
      </c>
      <c r="F5" s="195">
        <v>6</v>
      </c>
      <c r="G5" s="195">
        <v>2</v>
      </c>
      <c r="H5" s="195">
        <v>39</v>
      </c>
      <c r="I5" s="195">
        <v>36</v>
      </c>
      <c r="J5" s="195">
        <v>34</v>
      </c>
      <c r="K5" s="195">
        <v>1</v>
      </c>
      <c r="L5" s="195">
        <v>21</v>
      </c>
      <c r="M5" s="195">
        <v>11</v>
      </c>
      <c r="N5" s="195">
        <v>21</v>
      </c>
      <c r="O5" s="196">
        <v>91</v>
      </c>
      <c r="P5" s="197">
        <v>50</v>
      </c>
      <c r="Q5" s="198">
        <v>354</v>
      </c>
    </row>
    <row r="6" spans="1:17" ht="20.100000000000001" customHeight="1" x14ac:dyDescent="0.15">
      <c r="A6" s="183" t="s">
        <v>99</v>
      </c>
      <c r="B6" s="454">
        <v>69</v>
      </c>
      <c r="C6" s="230">
        <v>15</v>
      </c>
      <c r="D6" s="202">
        <v>43</v>
      </c>
      <c r="E6" s="199">
        <v>35</v>
      </c>
      <c r="F6" s="200">
        <v>35</v>
      </c>
      <c r="G6" s="200">
        <v>16</v>
      </c>
      <c r="H6" s="200">
        <v>107</v>
      </c>
      <c r="I6" s="200">
        <v>53</v>
      </c>
      <c r="J6" s="200">
        <v>124</v>
      </c>
      <c r="K6" s="200">
        <v>5</v>
      </c>
      <c r="L6" s="200">
        <v>38</v>
      </c>
      <c r="M6" s="200">
        <v>23</v>
      </c>
      <c r="N6" s="200">
        <v>53</v>
      </c>
      <c r="O6" s="201">
        <v>292</v>
      </c>
      <c r="P6" s="202">
        <v>102</v>
      </c>
      <c r="Q6" s="198">
        <v>941</v>
      </c>
    </row>
    <row r="7" spans="1:17" ht="20.100000000000001" customHeight="1" x14ac:dyDescent="0.15">
      <c r="A7" s="183" t="s">
        <v>100</v>
      </c>
      <c r="B7" s="454">
        <v>42</v>
      </c>
      <c r="C7" s="230">
        <v>35</v>
      </c>
      <c r="D7" s="202">
        <v>37</v>
      </c>
      <c r="E7" s="199">
        <v>47</v>
      </c>
      <c r="F7" s="200">
        <v>34</v>
      </c>
      <c r="G7" s="200">
        <v>12</v>
      </c>
      <c r="H7" s="200">
        <v>144</v>
      </c>
      <c r="I7" s="200">
        <v>54</v>
      </c>
      <c r="J7" s="200">
        <v>100</v>
      </c>
      <c r="K7" s="200">
        <v>1</v>
      </c>
      <c r="L7" s="200">
        <v>30</v>
      </c>
      <c r="M7" s="200">
        <v>22</v>
      </c>
      <c r="N7" s="200">
        <v>26</v>
      </c>
      <c r="O7" s="201">
        <v>231</v>
      </c>
      <c r="P7" s="202">
        <v>106</v>
      </c>
      <c r="Q7" s="198">
        <v>879</v>
      </c>
    </row>
    <row r="8" spans="1:17" s="16" customFormat="1" ht="20.100000000000001" customHeight="1" x14ac:dyDescent="0.15">
      <c r="A8" s="203" t="s">
        <v>101</v>
      </c>
      <c r="B8" s="455">
        <v>21</v>
      </c>
      <c r="C8" s="230">
        <v>9</v>
      </c>
      <c r="D8" s="202">
        <v>35</v>
      </c>
      <c r="E8" s="199">
        <v>36</v>
      </c>
      <c r="F8" s="200">
        <v>30</v>
      </c>
      <c r="G8" s="200">
        <v>7</v>
      </c>
      <c r="H8" s="200">
        <v>65</v>
      </c>
      <c r="I8" s="200">
        <v>30</v>
      </c>
      <c r="J8" s="200">
        <v>75</v>
      </c>
      <c r="K8" s="200">
        <v>2</v>
      </c>
      <c r="L8" s="200">
        <v>21</v>
      </c>
      <c r="M8" s="200">
        <v>11</v>
      </c>
      <c r="N8" s="200">
        <v>15</v>
      </c>
      <c r="O8" s="201">
        <v>117</v>
      </c>
      <c r="P8" s="202">
        <v>29</v>
      </c>
      <c r="Q8" s="198">
        <v>482</v>
      </c>
    </row>
    <row r="9" spans="1:17" s="16" customFormat="1" ht="20.100000000000001" customHeight="1" x14ac:dyDescent="0.15">
      <c r="A9" s="203" t="s">
        <v>102</v>
      </c>
      <c r="B9" s="455">
        <v>16</v>
      </c>
      <c r="C9" s="230">
        <v>14</v>
      </c>
      <c r="D9" s="202">
        <v>16</v>
      </c>
      <c r="E9" s="199">
        <v>55</v>
      </c>
      <c r="F9" s="200">
        <v>44</v>
      </c>
      <c r="G9" s="200">
        <v>13</v>
      </c>
      <c r="H9" s="200">
        <v>95</v>
      </c>
      <c r="I9" s="200">
        <v>40</v>
      </c>
      <c r="J9" s="200">
        <v>81</v>
      </c>
      <c r="K9" s="200">
        <v>1</v>
      </c>
      <c r="L9" s="200">
        <v>39</v>
      </c>
      <c r="M9" s="200">
        <v>4</v>
      </c>
      <c r="N9" s="200">
        <v>8</v>
      </c>
      <c r="O9" s="201">
        <v>184</v>
      </c>
      <c r="P9" s="202">
        <v>115</v>
      </c>
      <c r="Q9" s="198">
        <v>709</v>
      </c>
    </row>
    <row r="10" spans="1:17" s="16" customFormat="1" ht="20.100000000000001" customHeight="1" thickBot="1" x14ac:dyDescent="0.2">
      <c r="A10" s="204" t="s">
        <v>11</v>
      </c>
      <c r="B10" s="456">
        <v>21</v>
      </c>
      <c r="C10" s="231">
        <v>85</v>
      </c>
      <c r="D10" s="228">
        <v>52</v>
      </c>
      <c r="E10" s="205">
        <v>164</v>
      </c>
      <c r="F10" s="206">
        <v>123</v>
      </c>
      <c r="G10" s="206">
        <v>41</v>
      </c>
      <c r="H10" s="206">
        <v>209</v>
      </c>
      <c r="I10" s="206">
        <v>68</v>
      </c>
      <c r="J10" s="206">
        <v>222</v>
      </c>
      <c r="K10" s="206">
        <v>0</v>
      </c>
      <c r="L10" s="206">
        <v>53</v>
      </c>
      <c r="M10" s="206">
        <v>4</v>
      </c>
      <c r="N10" s="206">
        <v>57</v>
      </c>
      <c r="O10" s="207">
        <v>591</v>
      </c>
      <c r="P10" s="202">
        <v>90</v>
      </c>
      <c r="Q10" s="208">
        <v>1759</v>
      </c>
    </row>
    <row r="11" spans="1:17" s="16" customFormat="1" ht="20.100000000000001" customHeight="1" thickTop="1" thickBot="1" x14ac:dyDescent="0.2">
      <c r="A11" s="209" t="s">
        <v>58</v>
      </c>
      <c r="B11" s="233">
        <v>221</v>
      </c>
      <c r="C11" s="210">
        <v>173</v>
      </c>
      <c r="D11" s="210">
        <v>201</v>
      </c>
      <c r="E11" s="210">
        <v>346</v>
      </c>
      <c r="F11" s="210">
        <v>272</v>
      </c>
      <c r="G11" s="210">
        <v>91</v>
      </c>
      <c r="H11" s="210">
        <v>659</v>
      </c>
      <c r="I11" s="210">
        <v>281</v>
      </c>
      <c r="J11" s="210">
        <v>636</v>
      </c>
      <c r="K11" s="210">
        <v>10</v>
      </c>
      <c r="L11" s="210">
        <v>202</v>
      </c>
      <c r="M11" s="210">
        <v>75</v>
      </c>
      <c r="N11" s="210">
        <v>180</v>
      </c>
      <c r="O11" s="210">
        <v>1506</v>
      </c>
      <c r="P11" s="211">
        <v>492</v>
      </c>
      <c r="Q11" s="212">
        <v>5124</v>
      </c>
    </row>
    <row r="12" spans="1:17" ht="20.100000000000001" customHeight="1" thickTop="1" thickBot="1" x14ac:dyDescent="0.2">
      <c r="A12" s="213" t="s">
        <v>301</v>
      </c>
      <c r="B12" s="214"/>
      <c r="C12" s="232">
        <v>3.3762685402029667E-2</v>
      </c>
      <c r="D12" s="216">
        <v>3.9227166276346606E-2</v>
      </c>
      <c r="E12" s="215">
        <v>6.7525370804059334E-2</v>
      </c>
      <c r="F12" s="215">
        <v>5.3083528493364562E-2</v>
      </c>
      <c r="G12" s="215">
        <v>1.7759562841530054E-2</v>
      </c>
      <c r="H12" s="215">
        <v>0.1286104605776737</v>
      </c>
      <c r="I12" s="215">
        <v>5.4839968774395002E-2</v>
      </c>
      <c r="J12" s="215">
        <v>0.12412177985948478</v>
      </c>
      <c r="K12" s="215">
        <v>1.95160031225605E-3</v>
      </c>
      <c r="L12" s="215">
        <v>3.9422326307572211E-2</v>
      </c>
      <c r="M12" s="215">
        <v>1.4637002341920375E-2</v>
      </c>
      <c r="N12" s="215">
        <v>3.5128805620608897E-2</v>
      </c>
      <c r="O12" s="215">
        <v>0.29391100702576112</v>
      </c>
      <c r="P12" s="216">
        <v>9.6018735362997654E-2</v>
      </c>
      <c r="Q12" s="217">
        <v>1</v>
      </c>
    </row>
    <row r="13" spans="1:17" ht="20.100000000000001" customHeight="1" x14ac:dyDescent="0.15">
      <c r="A13" s="177"/>
      <c r="B13" s="176"/>
      <c r="C13" s="218"/>
      <c r="D13" s="218"/>
      <c r="E13" s="218"/>
      <c r="F13" s="218"/>
      <c r="G13" s="218"/>
      <c r="H13" s="218"/>
      <c r="I13" s="218"/>
      <c r="J13" s="218"/>
      <c r="K13" s="218"/>
      <c r="L13" s="218"/>
      <c r="M13" s="218"/>
      <c r="N13" s="218"/>
      <c r="O13" s="218"/>
      <c r="P13" s="218"/>
      <c r="Q13" s="219"/>
    </row>
    <row r="14" spans="1:17" ht="20.100000000000001" customHeight="1" thickBot="1" x14ac:dyDescent="0.2">
      <c r="A14" s="2" t="s">
        <v>375</v>
      </c>
      <c r="B14" s="176"/>
      <c r="C14" s="218"/>
      <c r="D14" s="218"/>
      <c r="E14" s="218"/>
      <c r="G14" s="218"/>
      <c r="H14" s="218"/>
      <c r="I14" s="218" t="s">
        <v>374</v>
      </c>
      <c r="J14" s="218"/>
      <c r="K14" s="218"/>
      <c r="L14" s="218"/>
      <c r="M14" s="218"/>
      <c r="N14" s="218"/>
      <c r="O14" s="219"/>
    </row>
    <row r="15" spans="1:17" ht="20.100000000000001" customHeight="1" thickBot="1" x14ac:dyDescent="0.2">
      <c r="A15" s="184" t="s">
        <v>7</v>
      </c>
      <c r="B15" s="331" t="s">
        <v>210</v>
      </c>
      <c r="C15" s="332" t="s">
        <v>211</v>
      </c>
      <c r="D15" s="190" t="s">
        <v>212</v>
      </c>
      <c r="E15" s="337" t="s">
        <v>213</v>
      </c>
      <c r="F15" s="191" t="s">
        <v>77</v>
      </c>
      <c r="G15" s="192" t="s">
        <v>57</v>
      </c>
      <c r="H15" s="237"/>
      <c r="I15" s="734" t="s">
        <v>153</v>
      </c>
      <c r="J15" s="735"/>
      <c r="K15" s="460" t="s">
        <v>104</v>
      </c>
      <c r="L15" s="185" t="s">
        <v>302</v>
      </c>
    </row>
    <row r="16" spans="1:17" ht="20.100000000000001" customHeight="1" thickTop="1" x14ac:dyDescent="0.15">
      <c r="A16" s="193" t="s">
        <v>98</v>
      </c>
      <c r="B16" s="453">
        <v>51</v>
      </c>
      <c r="C16" s="333">
        <v>96</v>
      </c>
      <c r="D16" s="194">
        <v>25</v>
      </c>
      <c r="E16" s="195">
        <v>61</v>
      </c>
      <c r="F16" s="194">
        <v>159</v>
      </c>
      <c r="G16" s="220">
        <v>341</v>
      </c>
      <c r="H16" s="237"/>
      <c r="I16" s="736" t="s">
        <v>75</v>
      </c>
      <c r="J16" s="737"/>
      <c r="K16" s="461">
        <v>574</v>
      </c>
      <c r="L16" s="14">
        <v>0.65450399087799316</v>
      </c>
    </row>
    <row r="17" spans="1:24" ht="20.100000000000001" customHeight="1" x14ac:dyDescent="0.15">
      <c r="A17" s="183" t="s">
        <v>99</v>
      </c>
      <c r="B17" s="454">
        <v>65</v>
      </c>
      <c r="C17" s="334">
        <v>182</v>
      </c>
      <c r="D17" s="199">
        <v>55</v>
      </c>
      <c r="E17" s="200">
        <v>137</v>
      </c>
      <c r="F17" s="199">
        <v>453</v>
      </c>
      <c r="G17" s="221">
        <v>827</v>
      </c>
      <c r="H17" s="235"/>
      <c r="I17" s="695" t="s">
        <v>183</v>
      </c>
      <c r="J17" s="696"/>
      <c r="K17" s="462">
        <v>58</v>
      </c>
      <c r="L17" s="14">
        <v>6.6134549600912196E-2</v>
      </c>
    </row>
    <row r="18" spans="1:24" ht="20.100000000000001" customHeight="1" x14ac:dyDescent="0.15">
      <c r="A18" s="183" t="s">
        <v>100</v>
      </c>
      <c r="B18" s="454">
        <v>42</v>
      </c>
      <c r="C18" s="334">
        <v>172</v>
      </c>
      <c r="D18" s="199">
        <v>55</v>
      </c>
      <c r="E18" s="200">
        <v>174</v>
      </c>
      <c r="F18" s="199">
        <v>434</v>
      </c>
      <c r="G18" s="221">
        <v>835</v>
      </c>
      <c r="H18" s="235"/>
      <c r="I18" s="695" t="s">
        <v>184</v>
      </c>
      <c r="J18" s="696"/>
      <c r="K18" s="462">
        <v>55</v>
      </c>
      <c r="L18" s="14">
        <v>6.2713797035347782E-2</v>
      </c>
    </row>
    <row r="19" spans="1:24" ht="20.100000000000001" customHeight="1" x14ac:dyDescent="0.15">
      <c r="A19" s="203" t="s">
        <v>101</v>
      </c>
      <c r="B19" s="455">
        <v>19</v>
      </c>
      <c r="C19" s="334">
        <v>127</v>
      </c>
      <c r="D19" s="199">
        <v>55</v>
      </c>
      <c r="E19" s="200">
        <v>143</v>
      </c>
      <c r="F19" s="199">
        <v>117</v>
      </c>
      <c r="G19" s="221">
        <v>442</v>
      </c>
      <c r="H19" s="235"/>
      <c r="I19" s="695" t="s">
        <v>130</v>
      </c>
      <c r="J19" s="696"/>
      <c r="K19" s="462">
        <v>94</v>
      </c>
      <c r="L19" s="14">
        <v>0.10718358038768529</v>
      </c>
    </row>
    <row r="20" spans="1:24" s="16" customFormat="1" ht="20.100000000000001" customHeight="1" x14ac:dyDescent="0.15">
      <c r="A20" s="203" t="s">
        <v>102</v>
      </c>
      <c r="B20" s="455">
        <v>15</v>
      </c>
      <c r="C20" s="334">
        <v>94</v>
      </c>
      <c r="D20" s="199">
        <v>51</v>
      </c>
      <c r="E20" s="200">
        <v>125</v>
      </c>
      <c r="F20" s="199">
        <v>385</v>
      </c>
      <c r="G20" s="221">
        <v>655</v>
      </c>
      <c r="H20" s="235"/>
      <c r="I20" s="714" t="s">
        <v>77</v>
      </c>
      <c r="J20" s="738"/>
      <c r="K20" s="463">
        <v>67</v>
      </c>
      <c r="L20" s="14">
        <v>7.9009433962264147E-2</v>
      </c>
    </row>
    <row r="21" spans="1:24" s="16" customFormat="1" ht="20.100000000000001" customHeight="1" thickBot="1" x14ac:dyDescent="0.2">
      <c r="A21" s="204" t="s">
        <v>11</v>
      </c>
      <c r="B21" s="456">
        <v>19</v>
      </c>
      <c r="C21" s="334">
        <v>206</v>
      </c>
      <c r="D21" s="199">
        <v>141</v>
      </c>
      <c r="E21" s="200">
        <v>219</v>
      </c>
      <c r="F21" s="199">
        <v>824</v>
      </c>
      <c r="G21" s="221">
        <v>1390</v>
      </c>
      <c r="H21" s="235"/>
      <c r="I21" s="744" t="s">
        <v>331</v>
      </c>
      <c r="J21" s="745"/>
      <c r="K21" s="463">
        <v>29</v>
      </c>
      <c r="L21" s="14">
        <v>3.3067274800456098E-2</v>
      </c>
      <c r="M21" s="459"/>
    </row>
    <row r="22" spans="1:24" ht="20.100000000000001" customHeight="1" thickTop="1" thickBot="1" x14ac:dyDescent="0.2">
      <c r="A22" s="182" t="s">
        <v>58</v>
      </c>
      <c r="B22" s="234">
        <v>211</v>
      </c>
      <c r="C22" s="647">
        <v>877</v>
      </c>
      <c r="D22" s="222">
        <v>382</v>
      </c>
      <c r="E22" s="222">
        <v>859</v>
      </c>
      <c r="F22" s="223">
        <v>2372</v>
      </c>
      <c r="G22" s="224">
        <v>4490</v>
      </c>
      <c r="H22" s="236"/>
      <c r="I22" s="746" t="s">
        <v>57</v>
      </c>
      <c r="J22" s="747"/>
      <c r="K22" s="648">
        <v>877</v>
      </c>
      <c r="L22" s="628">
        <v>1.0026126266646584</v>
      </c>
    </row>
    <row r="23" spans="1:24" ht="20.100000000000001" customHeight="1" thickTop="1" thickBot="1" x14ac:dyDescent="0.2">
      <c r="A23" s="213" t="s">
        <v>303</v>
      </c>
      <c r="B23" s="214"/>
      <c r="C23" s="335">
        <v>0.1953229398663697</v>
      </c>
      <c r="D23" s="215">
        <v>8.5077951002227176E-2</v>
      </c>
      <c r="E23" s="215">
        <v>0.19131403118040088</v>
      </c>
      <c r="F23" s="226">
        <v>0.52828507795100221</v>
      </c>
      <c r="G23" s="225">
        <v>1</v>
      </c>
      <c r="H23" s="218"/>
      <c r="I23" s="218"/>
      <c r="J23" s="218"/>
      <c r="L23" s="459"/>
      <c r="M23" s="218"/>
      <c r="N23" s="218"/>
      <c r="O23" s="218"/>
      <c r="P23" s="219"/>
    </row>
    <row r="24" spans="1:24" ht="20.100000000000001" customHeight="1" x14ac:dyDescent="0.15">
      <c r="A24" s="177"/>
      <c r="B24" s="176"/>
      <c r="C24" s="218"/>
      <c r="D24" s="218"/>
      <c r="E24" s="218"/>
      <c r="F24" s="218"/>
      <c r="G24" s="218"/>
      <c r="H24" s="218"/>
      <c r="I24" s="218"/>
      <c r="J24" s="218"/>
      <c r="K24" s="218"/>
      <c r="L24" s="218"/>
      <c r="M24" s="218"/>
      <c r="N24" s="218"/>
      <c r="O24" s="218"/>
      <c r="P24" s="218"/>
      <c r="Q24" s="219"/>
    </row>
    <row r="25" spans="1:24" s="175" customFormat="1" ht="20.100000000000001" customHeight="1" thickBot="1" x14ac:dyDescent="0.2">
      <c r="A25" s="175" t="s">
        <v>263</v>
      </c>
      <c r="C25" s="219"/>
    </row>
    <row r="26" spans="1:24" s="175" customFormat="1" ht="20.100000000000001" customHeight="1" x14ac:dyDescent="0.15">
      <c r="A26" s="730" t="s">
        <v>172</v>
      </c>
      <c r="B26" s="731"/>
      <c r="C26" s="741" t="s">
        <v>173</v>
      </c>
      <c r="D26" s="742"/>
      <c r="E26" s="742"/>
      <c r="F26" s="742"/>
      <c r="G26" s="742"/>
      <c r="H26" s="742"/>
      <c r="I26" s="742"/>
      <c r="J26" s="742"/>
      <c r="K26" s="742"/>
      <c r="L26" s="742"/>
      <c r="M26" s="742"/>
      <c r="N26" s="743"/>
      <c r="O26" s="739" t="s">
        <v>264</v>
      </c>
      <c r="P26" s="739" t="s">
        <v>302</v>
      </c>
    </row>
    <row r="27" spans="1:24" s="175" customFormat="1" ht="20.100000000000001" customHeight="1" thickBot="1" x14ac:dyDescent="0.2">
      <c r="A27" s="732"/>
      <c r="B27" s="733"/>
      <c r="C27" s="457" t="s">
        <v>176</v>
      </c>
      <c r="D27" s="538" t="s">
        <v>302</v>
      </c>
      <c r="E27" s="310" t="s">
        <v>174</v>
      </c>
      <c r="F27" s="538" t="s">
        <v>304</v>
      </c>
      <c r="G27" s="310" t="s">
        <v>154</v>
      </c>
      <c r="H27" s="538" t="s">
        <v>302</v>
      </c>
      <c r="I27" s="310" t="s">
        <v>175</v>
      </c>
      <c r="J27" s="538" t="s">
        <v>302</v>
      </c>
      <c r="K27" s="310" t="s">
        <v>155</v>
      </c>
      <c r="L27" s="538" t="s">
        <v>305</v>
      </c>
      <c r="M27" s="458" t="s">
        <v>156</v>
      </c>
      <c r="N27" s="539" t="s">
        <v>302</v>
      </c>
      <c r="O27" s="740"/>
      <c r="P27" s="740"/>
    </row>
    <row r="28" spans="1:24" s="175" customFormat="1" ht="27" customHeight="1" thickTop="1" x14ac:dyDescent="0.15">
      <c r="A28" s="728" t="s">
        <v>157</v>
      </c>
      <c r="B28" s="729"/>
      <c r="C28" s="443">
        <v>9</v>
      </c>
      <c r="D28" s="472">
        <v>2.3316062176165803E-2</v>
      </c>
      <c r="E28" s="444">
        <v>16</v>
      </c>
      <c r="F28" s="477">
        <v>3.3898305084745763E-2</v>
      </c>
      <c r="G28" s="445">
        <v>30</v>
      </c>
      <c r="H28" s="478">
        <v>5.2356020942408377E-2</v>
      </c>
      <c r="I28" s="445">
        <v>15</v>
      </c>
      <c r="J28" s="478">
        <v>2.9069767441860465E-2</v>
      </c>
      <c r="K28" s="445">
        <v>16</v>
      </c>
      <c r="L28" s="484">
        <v>3.8369304556354913E-2</v>
      </c>
      <c r="M28" s="468">
        <v>87</v>
      </c>
      <c r="N28" s="489">
        <v>3.1521739130434781E-2</v>
      </c>
      <c r="O28" s="635">
        <v>173</v>
      </c>
      <c r="P28" s="464">
        <v>3.3762685402029667E-2</v>
      </c>
    </row>
    <row r="29" spans="1:24" s="175" customFormat="1" ht="20.100000000000001" customHeight="1" x14ac:dyDescent="0.15">
      <c r="A29" s="724" t="s">
        <v>158</v>
      </c>
      <c r="B29" s="725"/>
      <c r="C29" s="238">
        <v>0</v>
      </c>
      <c r="D29" s="473">
        <v>0</v>
      </c>
      <c r="E29" s="447">
        <v>0</v>
      </c>
      <c r="F29" s="473">
        <v>0</v>
      </c>
      <c r="G29" s="448">
        <v>1</v>
      </c>
      <c r="H29" s="479">
        <v>1.7452006980802793E-3</v>
      </c>
      <c r="I29" s="448">
        <v>3</v>
      </c>
      <c r="J29" s="479">
        <v>5.8139534883720929E-3</v>
      </c>
      <c r="K29" s="448">
        <v>2</v>
      </c>
      <c r="L29" s="485">
        <v>4.7961630695443642E-3</v>
      </c>
      <c r="M29" s="469">
        <v>195</v>
      </c>
      <c r="N29" s="490">
        <v>7.0652173913043473E-2</v>
      </c>
      <c r="O29" s="179">
        <v>201</v>
      </c>
      <c r="P29" s="465">
        <v>3.9227166276346606E-2</v>
      </c>
      <c r="R29" s="176"/>
      <c r="S29" s="176"/>
    </row>
    <row r="30" spans="1:24" s="175" customFormat="1" ht="20.100000000000001" customHeight="1" x14ac:dyDescent="0.15">
      <c r="A30" s="724" t="s">
        <v>159</v>
      </c>
      <c r="B30" s="725"/>
      <c r="C30" s="238">
        <v>6</v>
      </c>
      <c r="D30" s="473">
        <v>1.5544041450777202E-2</v>
      </c>
      <c r="E30" s="447">
        <v>33</v>
      </c>
      <c r="F30" s="473">
        <v>6.991525423728813E-2</v>
      </c>
      <c r="G30" s="448">
        <v>65</v>
      </c>
      <c r="H30" s="479">
        <v>0.11343804537521815</v>
      </c>
      <c r="I30" s="448">
        <v>57</v>
      </c>
      <c r="J30" s="479">
        <v>0.11046511627906977</v>
      </c>
      <c r="K30" s="448">
        <v>53</v>
      </c>
      <c r="L30" s="485">
        <v>0.12709832134292565</v>
      </c>
      <c r="M30" s="469">
        <v>132</v>
      </c>
      <c r="N30" s="490">
        <v>4.7826086956521741E-2</v>
      </c>
      <c r="O30" s="179">
        <v>346</v>
      </c>
      <c r="P30" s="465">
        <v>6.7525370804059334E-2</v>
      </c>
      <c r="Q30" s="176"/>
      <c r="T30" s="176"/>
      <c r="U30" s="176"/>
      <c r="V30" s="176"/>
      <c r="W30" s="176"/>
      <c r="X30" s="176"/>
    </row>
    <row r="31" spans="1:24" s="176" customFormat="1" ht="20.100000000000001" customHeight="1" x14ac:dyDescent="0.15">
      <c r="A31" s="724" t="s">
        <v>160</v>
      </c>
      <c r="B31" s="725"/>
      <c r="C31" s="238">
        <v>5</v>
      </c>
      <c r="D31" s="473">
        <v>1.2953367875647668E-2</v>
      </c>
      <c r="E31" s="447">
        <v>13</v>
      </c>
      <c r="F31" s="473">
        <v>2.7542372881355932E-2</v>
      </c>
      <c r="G31" s="448">
        <v>17</v>
      </c>
      <c r="H31" s="479">
        <v>2.9668411867364748E-2</v>
      </c>
      <c r="I31" s="448">
        <v>15</v>
      </c>
      <c r="J31" s="479">
        <v>2.9069767441860465E-2</v>
      </c>
      <c r="K31" s="448">
        <v>22</v>
      </c>
      <c r="L31" s="485">
        <v>5.2757793764988008E-2</v>
      </c>
      <c r="M31" s="469">
        <v>200</v>
      </c>
      <c r="N31" s="490">
        <v>7.2463768115942032E-2</v>
      </c>
      <c r="O31" s="179">
        <v>272</v>
      </c>
      <c r="P31" s="465">
        <v>5.3083528493364562E-2</v>
      </c>
      <c r="Q31" s="175"/>
      <c r="R31" s="175"/>
      <c r="S31" s="175"/>
      <c r="T31" s="175"/>
      <c r="U31" s="175"/>
      <c r="V31" s="175"/>
      <c r="W31" s="175"/>
      <c r="X31" s="175"/>
    </row>
    <row r="32" spans="1:24" s="175" customFormat="1" ht="20.100000000000001" customHeight="1" x14ac:dyDescent="0.15">
      <c r="A32" s="724" t="s">
        <v>161</v>
      </c>
      <c r="B32" s="725"/>
      <c r="C32" s="238">
        <v>5</v>
      </c>
      <c r="D32" s="473">
        <v>1.2953367875647668E-2</v>
      </c>
      <c r="E32" s="447">
        <v>12</v>
      </c>
      <c r="F32" s="473">
        <v>2.5423728813559324E-2</v>
      </c>
      <c r="G32" s="448">
        <v>13</v>
      </c>
      <c r="H32" s="479">
        <v>2.2687609075043629E-2</v>
      </c>
      <c r="I32" s="448">
        <v>13</v>
      </c>
      <c r="J32" s="479">
        <v>2.5193798449612403E-2</v>
      </c>
      <c r="K32" s="448">
        <v>11</v>
      </c>
      <c r="L32" s="485">
        <v>2.6378896882494004E-2</v>
      </c>
      <c r="M32" s="469">
        <v>37</v>
      </c>
      <c r="N32" s="490">
        <v>1.3405797101449275E-2</v>
      </c>
      <c r="O32" s="179">
        <v>91</v>
      </c>
      <c r="P32" s="465">
        <v>1.7759562841530054E-2</v>
      </c>
    </row>
    <row r="33" spans="1:16" s="175" customFormat="1" ht="20.100000000000001" customHeight="1" x14ac:dyDescent="0.15">
      <c r="A33" s="724" t="s">
        <v>162</v>
      </c>
      <c r="B33" s="725"/>
      <c r="C33" s="238">
        <v>135</v>
      </c>
      <c r="D33" s="473">
        <v>0.34974093264248707</v>
      </c>
      <c r="E33" s="447">
        <v>97</v>
      </c>
      <c r="F33" s="473">
        <v>0.20550847457627119</v>
      </c>
      <c r="G33" s="448">
        <v>69</v>
      </c>
      <c r="H33" s="479">
        <v>0.12041884816753927</v>
      </c>
      <c r="I33" s="448">
        <v>56</v>
      </c>
      <c r="J33" s="479">
        <v>0.10852713178294573</v>
      </c>
      <c r="K33" s="448">
        <v>26</v>
      </c>
      <c r="L33" s="485">
        <v>6.235011990407674E-2</v>
      </c>
      <c r="M33" s="469">
        <v>276</v>
      </c>
      <c r="N33" s="490">
        <v>0.1</v>
      </c>
      <c r="O33" s="179">
        <v>659</v>
      </c>
      <c r="P33" s="465">
        <v>0.1286104605776737</v>
      </c>
    </row>
    <row r="34" spans="1:16" s="175" customFormat="1" ht="20.100000000000001" customHeight="1" x14ac:dyDescent="0.15">
      <c r="A34" s="724" t="s">
        <v>163</v>
      </c>
      <c r="B34" s="725"/>
      <c r="C34" s="238">
        <v>23</v>
      </c>
      <c r="D34" s="473">
        <v>5.9585492227979271E-2</v>
      </c>
      <c r="E34" s="447">
        <v>25</v>
      </c>
      <c r="F34" s="473">
        <v>5.2966101694915252E-2</v>
      </c>
      <c r="G34" s="448">
        <v>23</v>
      </c>
      <c r="H34" s="479">
        <v>4.0139616055846421E-2</v>
      </c>
      <c r="I34" s="448">
        <v>15</v>
      </c>
      <c r="J34" s="479">
        <v>2.9069767441860465E-2</v>
      </c>
      <c r="K34" s="448">
        <v>22</v>
      </c>
      <c r="L34" s="485">
        <v>5.2757793764988008E-2</v>
      </c>
      <c r="M34" s="469">
        <v>173</v>
      </c>
      <c r="N34" s="490">
        <v>6.2681159420289859E-2</v>
      </c>
      <c r="O34" s="179">
        <v>281</v>
      </c>
      <c r="P34" s="465">
        <v>5.4839968774395002E-2</v>
      </c>
    </row>
    <row r="35" spans="1:16" s="175" customFormat="1" ht="20.100000000000001" customHeight="1" x14ac:dyDescent="0.15">
      <c r="A35" s="724" t="s">
        <v>164</v>
      </c>
      <c r="B35" s="725"/>
      <c r="C35" s="238">
        <v>17</v>
      </c>
      <c r="D35" s="473">
        <v>4.4041450777202069E-2</v>
      </c>
      <c r="E35" s="447">
        <v>56</v>
      </c>
      <c r="F35" s="473">
        <v>0.11864406779661017</v>
      </c>
      <c r="G35" s="448">
        <v>94</v>
      </c>
      <c r="H35" s="479">
        <v>0.16404886561954624</v>
      </c>
      <c r="I35" s="448">
        <v>87</v>
      </c>
      <c r="J35" s="479">
        <v>0.16860465116279069</v>
      </c>
      <c r="K35" s="448">
        <v>72</v>
      </c>
      <c r="L35" s="485">
        <v>0.17266187050359713</v>
      </c>
      <c r="M35" s="469">
        <v>310</v>
      </c>
      <c r="N35" s="490">
        <v>0.11231884057971014</v>
      </c>
      <c r="O35" s="179">
        <v>636</v>
      </c>
      <c r="P35" s="465">
        <v>0.12412177985948478</v>
      </c>
    </row>
    <row r="36" spans="1:16" s="175" customFormat="1" ht="20.100000000000001" customHeight="1" x14ac:dyDescent="0.15">
      <c r="A36" s="724" t="s">
        <v>165</v>
      </c>
      <c r="B36" s="725"/>
      <c r="C36" s="238">
        <v>1</v>
      </c>
      <c r="D36" s="473">
        <v>2.5906735751295338E-3</v>
      </c>
      <c r="E36" s="447">
        <v>0</v>
      </c>
      <c r="F36" s="473">
        <v>0</v>
      </c>
      <c r="G36" s="448">
        <v>3</v>
      </c>
      <c r="H36" s="479">
        <v>5.235602094240838E-3</v>
      </c>
      <c r="I36" s="446">
        <v>0</v>
      </c>
      <c r="J36" s="483">
        <v>0</v>
      </c>
      <c r="K36" s="448">
        <v>0</v>
      </c>
      <c r="L36" s="485">
        <v>0</v>
      </c>
      <c r="M36" s="469">
        <v>6</v>
      </c>
      <c r="N36" s="490">
        <v>2.1739130434782609E-3</v>
      </c>
      <c r="O36" s="179">
        <v>10</v>
      </c>
      <c r="P36" s="465">
        <v>1.95160031225605E-3</v>
      </c>
    </row>
    <row r="37" spans="1:16" s="175" customFormat="1" ht="20.100000000000001" customHeight="1" x14ac:dyDescent="0.15">
      <c r="A37" s="724" t="s">
        <v>166</v>
      </c>
      <c r="B37" s="725"/>
      <c r="C37" s="238">
        <v>29</v>
      </c>
      <c r="D37" s="473">
        <v>7.512953367875648E-2</v>
      </c>
      <c r="E37" s="447">
        <v>23</v>
      </c>
      <c r="F37" s="473">
        <v>4.8728813559322036E-2</v>
      </c>
      <c r="G37" s="448">
        <v>20</v>
      </c>
      <c r="H37" s="479">
        <v>3.4904013961605584E-2</v>
      </c>
      <c r="I37" s="448">
        <v>18</v>
      </c>
      <c r="J37" s="479">
        <v>3.4883720930232558E-2</v>
      </c>
      <c r="K37" s="448">
        <v>11</v>
      </c>
      <c r="L37" s="485">
        <v>2.6378896882494004E-2</v>
      </c>
      <c r="M37" s="469">
        <v>101</v>
      </c>
      <c r="N37" s="490">
        <v>3.6594202898550726E-2</v>
      </c>
      <c r="O37" s="179">
        <v>202</v>
      </c>
      <c r="P37" s="465">
        <v>3.9422326307572211E-2</v>
      </c>
    </row>
    <row r="38" spans="1:16" s="175" customFormat="1" ht="20.100000000000001" customHeight="1" x14ac:dyDescent="0.15">
      <c r="A38" s="724" t="s">
        <v>167</v>
      </c>
      <c r="B38" s="725"/>
      <c r="C38" s="238">
        <v>4</v>
      </c>
      <c r="D38" s="473">
        <v>1.0362694300518135E-2</v>
      </c>
      <c r="E38" s="447">
        <v>6</v>
      </c>
      <c r="F38" s="473">
        <v>1.2711864406779662E-2</v>
      </c>
      <c r="G38" s="448">
        <v>6</v>
      </c>
      <c r="H38" s="479">
        <v>1.0471204188481676E-2</v>
      </c>
      <c r="I38" s="448">
        <v>2</v>
      </c>
      <c r="J38" s="479">
        <v>3.875968992248062E-3</v>
      </c>
      <c r="K38" s="448">
        <v>5</v>
      </c>
      <c r="L38" s="485">
        <v>1.1990407673860911E-2</v>
      </c>
      <c r="M38" s="469">
        <v>52</v>
      </c>
      <c r="N38" s="490">
        <v>1.8840579710144929E-2</v>
      </c>
      <c r="O38" s="179">
        <v>75</v>
      </c>
      <c r="P38" s="465">
        <v>1.4637002341920375E-2</v>
      </c>
    </row>
    <row r="39" spans="1:16" ht="20.100000000000001" customHeight="1" x14ac:dyDescent="0.15">
      <c r="A39" s="724" t="s">
        <v>168</v>
      </c>
      <c r="B39" s="725"/>
      <c r="C39" s="238">
        <v>17</v>
      </c>
      <c r="D39" s="473">
        <v>4.4041450777202069E-2</v>
      </c>
      <c r="E39" s="447">
        <v>24</v>
      </c>
      <c r="F39" s="473">
        <v>5.0847457627118647E-2</v>
      </c>
      <c r="G39" s="448">
        <v>7</v>
      </c>
      <c r="H39" s="479">
        <v>1.2216404886561954E-2</v>
      </c>
      <c r="I39" s="448">
        <v>12</v>
      </c>
      <c r="J39" s="479">
        <v>2.3255813953488372E-2</v>
      </c>
      <c r="K39" s="448">
        <v>5</v>
      </c>
      <c r="L39" s="485">
        <v>1.1990407673860911E-2</v>
      </c>
      <c r="M39" s="469">
        <v>115</v>
      </c>
      <c r="N39" s="490">
        <v>4.1666666666666664E-2</v>
      </c>
      <c r="O39" s="179">
        <v>180</v>
      </c>
      <c r="P39" s="465">
        <v>3.5128805620608897E-2</v>
      </c>
    </row>
    <row r="40" spans="1:16" ht="20.100000000000001" customHeight="1" x14ac:dyDescent="0.15">
      <c r="A40" s="724" t="s">
        <v>169</v>
      </c>
      <c r="B40" s="725"/>
      <c r="C40" s="239">
        <v>96</v>
      </c>
      <c r="D40" s="474">
        <v>0.24870466321243523</v>
      </c>
      <c r="E40" s="449">
        <v>123</v>
      </c>
      <c r="F40" s="474">
        <v>0.26059322033898308</v>
      </c>
      <c r="G40" s="450">
        <v>181</v>
      </c>
      <c r="H40" s="480">
        <v>0.31588132635253052</v>
      </c>
      <c r="I40" s="450">
        <v>177</v>
      </c>
      <c r="J40" s="480">
        <v>0.34302325581395349</v>
      </c>
      <c r="K40" s="450">
        <v>130</v>
      </c>
      <c r="L40" s="486">
        <v>0.3117505995203837</v>
      </c>
      <c r="M40" s="470">
        <v>799</v>
      </c>
      <c r="N40" s="491">
        <v>0.28949275362318838</v>
      </c>
      <c r="O40" s="636">
        <v>1506</v>
      </c>
      <c r="P40" s="465">
        <v>0.29391100702576112</v>
      </c>
    </row>
    <row r="41" spans="1:16" ht="20.100000000000001" customHeight="1" thickBot="1" x14ac:dyDescent="0.2">
      <c r="A41" s="726" t="s">
        <v>170</v>
      </c>
      <c r="B41" s="727"/>
      <c r="C41" s="311">
        <v>39</v>
      </c>
      <c r="D41" s="475">
        <v>0.10103626943005181</v>
      </c>
      <c r="E41" s="451">
        <v>44</v>
      </c>
      <c r="F41" s="475">
        <v>9.3220338983050849E-2</v>
      </c>
      <c r="G41" s="452">
        <v>44</v>
      </c>
      <c r="H41" s="481">
        <v>7.6788830715532289E-2</v>
      </c>
      <c r="I41" s="452">
        <v>46</v>
      </c>
      <c r="J41" s="481">
        <v>8.9147286821705432E-2</v>
      </c>
      <c r="K41" s="452">
        <v>42</v>
      </c>
      <c r="L41" s="487">
        <v>0.10071942446043165</v>
      </c>
      <c r="M41" s="471">
        <v>277</v>
      </c>
      <c r="N41" s="492">
        <v>0.10036231884057971</v>
      </c>
      <c r="O41" s="180">
        <v>492</v>
      </c>
      <c r="P41" s="466">
        <v>9.6018735362997654E-2</v>
      </c>
    </row>
    <row r="42" spans="1:16" ht="20.100000000000001" customHeight="1" thickTop="1" thickBot="1" x14ac:dyDescent="0.2">
      <c r="A42" s="722" t="s">
        <v>171</v>
      </c>
      <c r="B42" s="723"/>
      <c r="C42" s="312">
        <v>386</v>
      </c>
      <c r="D42" s="476">
        <v>1.0000000000000002</v>
      </c>
      <c r="E42" s="313">
        <v>472</v>
      </c>
      <c r="F42" s="476">
        <v>1</v>
      </c>
      <c r="G42" s="312">
        <v>573</v>
      </c>
      <c r="H42" s="482">
        <v>1</v>
      </c>
      <c r="I42" s="312">
        <v>516</v>
      </c>
      <c r="J42" s="482">
        <v>1</v>
      </c>
      <c r="K42" s="312">
        <v>417</v>
      </c>
      <c r="L42" s="488">
        <v>1</v>
      </c>
      <c r="M42" s="637">
        <v>2760</v>
      </c>
      <c r="N42" s="488">
        <v>1</v>
      </c>
      <c r="O42" s="638">
        <v>5124</v>
      </c>
      <c r="P42" s="467">
        <v>1</v>
      </c>
    </row>
  </sheetData>
  <mergeCells count="27">
    <mergeCell ref="P26:P27"/>
    <mergeCell ref="C26:N26"/>
    <mergeCell ref="I21:J21"/>
    <mergeCell ref="O26:O27"/>
    <mergeCell ref="I22:J22"/>
    <mergeCell ref="A26:B27"/>
    <mergeCell ref="I15:J15"/>
    <mergeCell ref="I16:J16"/>
    <mergeCell ref="I17:J17"/>
    <mergeCell ref="I18:J18"/>
    <mergeCell ref="I19:J19"/>
    <mergeCell ref="I20:J20"/>
    <mergeCell ref="A42:B42"/>
    <mergeCell ref="A39:B39"/>
    <mergeCell ref="A40:B40"/>
    <mergeCell ref="A41:B41"/>
    <mergeCell ref="A28:B28"/>
    <mergeCell ref="A29:B29"/>
    <mergeCell ref="A32:B32"/>
    <mergeCell ref="A38:B38"/>
    <mergeCell ref="A30:B30"/>
    <mergeCell ref="A31:B31"/>
    <mergeCell ref="A33:B33"/>
    <mergeCell ref="A34:B34"/>
    <mergeCell ref="A35:B35"/>
    <mergeCell ref="A36:B36"/>
    <mergeCell ref="A37:B37"/>
  </mergeCells>
  <phoneticPr fontId="1"/>
  <printOptions horizontalCentered="1"/>
  <pageMargins left="3.937007874015748E-2" right="3.937007874015748E-2" top="0.35433070866141736" bottom="0.35433070866141736" header="0.31496062992125984" footer="0.31496062992125984"/>
  <pageSetup paperSize="9" scale="63" orientation="landscape" r:id="rId1"/>
  <headerFooter>
    <oddFooter>&amp;C&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2</vt:i4>
      </vt:variant>
      <vt:variant>
        <vt:lpstr>名前付き一覧</vt:lpstr>
      </vt:variant>
      <vt:variant>
        <vt:i4>8</vt:i4>
      </vt:variant>
    </vt:vector>
  </HeadingPairs>
  <TitlesOfParts>
    <vt:vector size="20" baseType="lpstr">
      <vt:lpstr>１-１職員数・離職率</vt:lpstr>
      <vt:lpstr>１-２外国籍職員</vt:lpstr>
      <vt:lpstr>１-３看護補助者</vt:lpstr>
      <vt:lpstr>２-１新卒採用・離職（全体）</vt:lpstr>
      <vt:lpstr>２-２新卒（県内）</vt:lpstr>
      <vt:lpstr>２-３新卒（県外）</vt:lpstr>
      <vt:lpstr>３経験者採用状況 </vt:lpstr>
      <vt:lpstr>４経験年数別離職率</vt:lpstr>
      <vt:lpstr>５退職理由</vt:lpstr>
      <vt:lpstr>６新人研修</vt:lpstr>
      <vt:lpstr>７令和3年度採用状況</vt:lpstr>
      <vt:lpstr>８特定行為研修</vt:lpstr>
      <vt:lpstr>'２-１新卒採用・離職（全体）'!Print_Area</vt:lpstr>
      <vt:lpstr>'２-２新卒（県内）'!Print_Area</vt:lpstr>
      <vt:lpstr>'２-３新卒（県外）'!Print_Area</vt:lpstr>
      <vt:lpstr>'３経験者採用状況 '!Print_Area</vt:lpstr>
      <vt:lpstr>'４経験年数別離職率'!Print_Area</vt:lpstr>
      <vt:lpstr>'５退職理由'!Print_Area</vt:lpstr>
      <vt:lpstr>'６新人研修'!Print_Area</vt:lpstr>
      <vt:lpstr>'７令和3年度採用状況'!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2-01-25T01:05:28Z</cp:lastPrinted>
  <dcterms:created xsi:type="dcterms:W3CDTF">2020-02-06T07:40:23Z</dcterms:created>
  <dcterms:modified xsi:type="dcterms:W3CDTF">2022-01-26T23:57:53Z</dcterms:modified>
</cp:coreProperties>
</file>